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4. Juraj\03 - 2021 - 218. (Príprava) Jednorázový operačný set by-pass\06. Josephine\01. Výzva na predloženie CP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30" r:id="rId2"/>
    <sheet name="Príloha č. 3" sheetId="13" r:id="rId3"/>
  </sheets>
  <definedNames>
    <definedName name="_xlnm.Print_Area" localSheetId="0">'Príloha č. 1 '!$A$1:$G$184</definedName>
    <definedName name="_xlnm.Print_Area" localSheetId="1">'Príloha č. 2'!$A$1:$L$25</definedName>
    <definedName name="_xlnm.Print_Area" localSheetId="2">'Príloha č. 3'!$A$1:$F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7" uniqueCount="333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1.1.1</t>
  </si>
  <si>
    <t>1.1.2</t>
  </si>
  <si>
    <t>1.1.3</t>
  </si>
  <si>
    <t>1.1.4</t>
  </si>
  <si>
    <t>1.2.1</t>
  </si>
  <si>
    <t>1.2.2</t>
  </si>
  <si>
    <t>1.3.1</t>
  </si>
  <si>
    <t>1.3.2</t>
  </si>
  <si>
    <t>1.4.1</t>
  </si>
  <si>
    <t>12.</t>
  </si>
  <si>
    <t>Predpokladané množstvo na zmluvné obdobie 12 mesiacov</t>
  </si>
  <si>
    <t>Uchádzač je povinný produkt s najvyššou zmluvnou jednotkovou cenou bez DPH uvedený u príslušnej položky viditeľne označíť žltým podfarbením celého riadku.</t>
  </si>
  <si>
    <t>Položka č. 1 - Jednorazový operačný set by-pass</t>
  </si>
  <si>
    <t>musí obsahovať nasledovné produkty:</t>
  </si>
  <si>
    <r>
      <t xml:space="preserve">Produkt č.1 - </t>
    </r>
    <r>
      <rPr>
        <b/>
        <sz val="11"/>
        <rFont val="Times New Roman"/>
        <family val="1"/>
        <charset val="238"/>
      </rPr>
      <t>Operačné krycie obalové rúško stola</t>
    </r>
  </si>
  <si>
    <t>počet: 1 kus</t>
  </si>
  <si>
    <t>dvojvrstvová polyethylénová fóliová rúška na stolík potiahnutá polypropylénom, v ktorej musia byť zabalené produkty setu č.2 až č.13</t>
  </si>
  <si>
    <t>musí zabraňovať prepúšťaniu tekutiny</t>
  </si>
  <si>
    <t>musí byť extrémne odolná proti roztrhnutiu</t>
  </si>
  <si>
    <t>1.1.5</t>
  </si>
  <si>
    <t>skladanie rúšky musí byť protismerné</t>
  </si>
  <si>
    <t>1.1.6</t>
  </si>
  <si>
    <t>z dôvodu zabezpečenia sterility pri manipulácii musí byť farebne odlíšená sterilná a nesterilná strana rúšky</t>
  </si>
  <si>
    <t>1.1.7</t>
  </si>
  <si>
    <t>požadovaný rozmer 160 cm x 200 cm (tolerancia ±10 cm x ±10 cm)</t>
  </si>
  <si>
    <r>
      <t xml:space="preserve">Produkt č.2 - </t>
    </r>
    <r>
      <rPr>
        <b/>
        <sz val="11"/>
        <rFont val="Times New Roman"/>
        <family val="1"/>
        <charset val="238"/>
      </rPr>
      <t>Uterák</t>
    </r>
  </si>
  <si>
    <t>počet: 2 kusy</t>
  </si>
  <si>
    <t>vysoko savý uterák z netkanej textílie spevnenej za sucha, ktorý sa po jeho namočení nerozpadáva</t>
  </si>
  <si>
    <t>1.2.3</t>
  </si>
  <si>
    <t>požadovaný rozmer 30 cm x 38 cm (tolerancia ±2 cm x ±2 cm)</t>
  </si>
  <si>
    <r>
      <t xml:space="preserve">Produkt č.3 - </t>
    </r>
    <r>
      <rPr>
        <b/>
        <sz val="11"/>
        <rFont val="Times New Roman"/>
        <family val="1"/>
        <charset val="238"/>
      </rPr>
      <t>Plášť typ č.1</t>
    </r>
  </si>
  <si>
    <t>hypoalergénny, bez latexu a kolofónia, určený pre použitie pre výkonový stupeň vysoký a pre vyššiu termofyzickú záťaž</t>
  </si>
  <si>
    <t>1.3.3</t>
  </si>
  <si>
    <t>požadovaná dĺžka plášťa 135 cm (tolerancia ±5 cm)</t>
  </si>
  <si>
    <t>1.3.4</t>
  </si>
  <si>
    <t>požadovaná šírka plášťa v ramenách 20 cm (tolerancia ±1 cm)</t>
  </si>
  <si>
    <t>1.3.5</t>
  </si>
  <si>
    <t>musí byť vyrobený z materiálu 40% polyester / 60% celulóza (tolerancia ±10% u oboch materiálov), musí byť hypoalergénny, bez latexu a kolofónia</t>
  </si>
  <si>
    <t>1.3.6</t>
  </si>
  <si>
    <t>požaduje sa pravoľavé zapínanie v oblasti krku s dĺžkou vrchného dielu (pravý diel) 6 cm a spodného dielu (ľavý diel) 13 cm, ktoré bude zabezpečovať bezpečné zapínanie, ktoré sa nesmie počas výkonu roztvárať</t>
  </si>
  <si>
    <t>1.3.7</t>
  </si>
  <si>
    <t>požaduje sa manžeta plášťa s dĺžkou 9 cm (tolerancia ±1 cm), vyrobená z nedráždivej jemnej polyesterovej tkaniny</t>
  </si>
  <si>
    <t>1.3.8</t>
  </si>
  <si>
    <t>požaduje sa konštantná pevnosť v ťahu za sucha a mokra ≤ 40 kPa</t>
  </si>
  <si>
    <t>1.3.9</t>
  </si>
  <si>
    <t>požaduje sa uvoľňovanie častíc materiálu plášťa ≤ 4,0 Log10 (sčítanie častíc)</t>
  </si>
  <si>
    <t>1.3.10</t>
  </si>
  <si>
    <t>zavinovacie úväzky musia byť v počte 2 ks, pripevnené bezpečnostnou záplatou proti prístupu mikroorganizmov</t>
  </si>
  <si>
    <t>1.3.11</t>
  </si>
  <si>
    <t>jednotlivé diely plášťa musia byť spojené dvojitým lemom šitia a vrstvenia, pre zabezpečenie absolútnej minimalizácie rizika prístupu mikróbov</t>
  </si>
  <si>
    <r>
      <t xml:space="preserve">Produkt č.4 - </t>
    </r>
    <r>
      <rPr>
        <b/>
        <sz val="11"/>
        <rFont val="Times New Roman"/>
        <family val="1"/>
        <charset val="238"/>
      </rPr>
      <t>Plášť typ č.2</t>
    </r>
  </si>
  <si>
    <t>1.4.2</t>
  </si>
  <si>
    <t>1.4.3</t>
  </si>
  <si>
    <t>požadovaná dĺžka plášťa 155 cm (tolerancia ±5 cm)</t>
  </si>
  <si>
    <t>1.4.4</t>
  </si>
  <si>
    <t>1.4.5</t>
  </si>
  <si>
    <t>1.4.6</t>
  </si>
  <si>
    <t>požaduje sa pravoľavé zapínanie v oblasti krku s dĺžkou vrchného (pravý diel) 6 cm a spodného (ľavý diel) 13 cm, ktoré bude zabezpečovať bezpečné zapínanie, ktoré sa nesmie počas výkonu roztvárať</t>
  </si>
  <si>
    <t>1.4.7</t>
  </si>
  <si>
    <t>1.4.8</t>
  </si>
  <si>
    <t>1.4.9</t>
  </si>
  <si>
    <t>1.4.10</t>
  </si>
  <si>
    <t>1.4.11</t>
  </si>
  <si>
    <t>1.5</t>
  </si>
  <si>
    <r>
      <t xml:space="preserve">Produkt č.5 - </t>
    </r>
    <r>
      <rPr>
        <b/>
        <sz val="11"/>
        <rFont val="Times New Roman"/>
        <family val="1"/>
        <charset val="238"/>
      </rPr>
      <t>Rukavice typ č.1</t>
    </r>
  </si>
  <si>
    <t>1.5.1</t>
  </si>
  <si>
    <t>počet: 1 pár</t>
  </si>
  <si>
    <t>1.5.2</t>
  </si>
  <si>
    <t>latexové, bezpúdrové, hypoalergénne, s vnútornou zosieťovanou syntetickou vrstvou, s možnosťou mikrozdrsnených končekov prstov</t>
  </si>
  <si>
    <t>1.5.3</t>
  </si>
  <si>
    <t>farba: biela</t>
  </si>
  <si>
    <t>1.5.4</t>
  </si>
  <si>
    <t>požadovaná veľkosť č. 6,5</t>
  </si>
  <si>
    <t>1.5.5</t>
  </si>
  <si>
    <t>požadovaná dĺžka 260 cm (bez tolerancie)</t>
  </si>
  <si>
    <t>1.5.6</t>
  </si>
  <si>
    <t>požaduje sa vnútorná zosieťovaná syntetická vrstva</t>
  </si>
  <si>
    <t>1.5.7</t>
  </si>
  <si>
    <t>požadovaná hrúbka steny min. 0,19 mm</t>
  </si>
  <si>
    <t>1.5.8</t>
  </si>
  <si>
    <t>požaduje sa hladkostenný materiál rukavíc</t>
  </si>
  <si>
    <t>1.5.9</t>
  </si>
  <si>
    <t>požaduje sa plne anatomický tvar rukavíc so zahnutými prstami zodpovedajúci prirodzenému uvoľnenému držaniu ruky</t>
  </si>
  <si>
    <t>1.5.10</t>
  </si>
  <si>
    <t>požadovaná úroveň kvality AQL 1,0</t>
  </si>
  <si>
    <t>1.6</t>
  </si>
  <si>
    <r>
      <t xml:space="preserve">Produkt č.6 - </t>
    </r>
    <r>
      <rPr>
        <b/>
        <sz val="11"/>
        <rFont val="Times New Roman"/>
        <family val="1"/>
        <charset val="238"/>
      </rPr>
      <t>Rukavice typ č.2</t>
    </r>
  </si>
  <si>
    <t>1.6.1</t>
  </si>
  <si>
    <t>1.6.2</t>
  </si>
  <si>
    <t>1.6.3</t>
  </si>
  <si>
    <t>1.6.4</t>
  </si>
  <si>
    <t>požadovaná veľkosť č. 7,5</t>
  </si>
  <si>
    <t>1.6.5</t>
  </si>
  <si>
    <t>1.6.6</t>
  </si>
  <si>
    <t>1.6.7</t>
  </si>
  <si>
    <t>1.6.8</t>
  </si>
  <si>
    <t>1.6.9</t>
  </si>
  <si>
    <t>1.7</t>
  </si>
  <si>
    <r>
      <t xml:space="preserve">Produkt č.7 - </t>
    </r>
    <r>
      <rPr>
        <b/>
        <sz val="11"/>
        <rFont val="Times New Roman"/>
        <family val="1"/>
        <charset val="238"/>
      </rPr>
      <t>Návlek na inštrumentačný stolík</t>
    </r>
  </si>
  <si>
    <t>1.7.1</t>
  </si>
  <si>
    <t>1.7.2</t>
  </si>
  <si>
    <t>teleskopický skladaný, s antistatickou úpravou</t>
  </si>
  <si>
    <t>1.7.3</t>
  </si>
  <si>
    <t>požadovaný rozmer návleku 80 cm x 145 cm (bez tolerancie)</t>
  </si>
  <si>
    <t>1.7.4</t>
  </si>
  <si>
    <t>požadovaný rozmer polypropylénovej textílie 75 cm x 90 cm (bez tolerancie), polypropylén musí byť pri námahe odolný voči oddeľovaniu sa od podkladovej polyethylénovej vrstvy</t>
  </si>
  <si>
    <t>1.7.5</t>
  </si>
  <si>
    <t>požaduje sa, aby materiál polyethylénu bol pevne spojený a pri námahe bol odolný voči oddeľovaniu sa od podkladovej polyethylénovej vrstvy</t>
  </si>
  <si>
    <t>1.8</t>
  </si>
  <si>
    <r>
      <t xml:space="preserve">Produkt č.8 - </t>
    </r>
    <r>
      <rPr>
        <b/>
        <sz val="11"/>
        <rFont val="Times New Roman"/>
        <family val="1"/>
        <charset val="238"/>
      </rPr>
      <t>OP-flex yankauer</t>
    </r>
  </si>
  <si>
    <t>1.8.1</t>
  </si>
  <si>
    <t>1.8.2</t>
  </si>
  <si>
    <t>odsavač PVC - valcový s dierkami na konci odsavacej plochy</t>
  </si>
  <si>
    <t>1.8.3</t>
  </si>
  <si>
    <t>úchopová časť odsávača pevná rukoväť na konci rukoväte napojenie na hadicu - pevné</t>
  </si>
  <si>
    <t>1.8.4</t>
  </si>
  <si>
    <t>Hrúbka valcovitej časti: od 20CH do 25CH</t>
  </si>
  <si>
    <t>1.9</t>
  </si>
  <si>
    <r>
      <t xml:space="preserve">Produkt č.9 - </t>
    </r>
    <r>
      <rPr>
        <b/>
        <sz val="11"/>
        <rFont val="Times New Roman"/>
        <family val="1"/>
        <charset val="238"/>
      </rPr>
      <t>Striekačka typ č.1</t>
    </r>
  </si>
  <si>
    <t>1.9.1</t>
  </si>
  <si>
    <t>1.9.2</t>
  </si>
  <si>
    <t>luer lock násada</t>
  </si>
  <si>
    <t>1.9.3</t>
  </si>
  <si>
    <t>2-dielna</t>
  </si>
  <si>
    <t>1.9.4</t>
  </si>
  <si>
    <t>požadovaný objem:  2 ml (bez tolerancie)</t>
  </si>
  <si>
    <t>1.10</t>
  </si>
  <si>
    <r>
      <t xml:space="preserve">Produkt č.10 - </t>
    </r>
    <r>
      <rPr>
        <b/>
        <sz val="11"/>
        <rFont val="Times New Roman"/>
        <family val="1"/>
        <charset val="238"/>
      </rPr>
      <t>Striekačka typ č.2</t>
    </r>
  </si>
  <si>
    <t>1.10.1</t>
  </si>
  <si>
    <t>1.10.2</t>
  </si>
  <si>
    <t>1.10.3</t>
  </si>
  <si>
    <t>3-dielna</t>
  </si>
  <si>
    <t>1.10.4</t>
  </si>
  <si>
    <t>požadovaný objem:  10 ml (bez tolerancie)</t>
  </si>
  <si>
    <t>1.11</t>
  </si>
  <si>
    <r>
      <t xml:space="preserve">Produkt č.11 - </t>
    </r>
    <r>
      <rPr>
        <b/>
        <sz val="11"/>
        <rFont val="Times New Roman"/>
        <family val="1"/>
        <charset val="238"/>
      </rPr>
      <t>Striekačka typ č.3</t>
    </r>
  </si>
  <si>
    <t>1.11.1</t>
  </si>
  <si>
    <t>1.11.2</t>
  </si>
  <si>
    <t>1.11.3</t>
  </si>
  <si>
    <t>1.11.4</t>
  </si>
  <si>
    <t>požadovaný objem:  20 ml (bez tolerancie)</t>
  </si>
  <si>
    <t>1.12</t>
  </si>
  <si>
    <r>
      <t xml:space="preserve">Produkt č.12 - </t>
    </r>
    <r>
      <rPr>
        <b/>
        <sz val="11"/>
        <rFont val="Times New Roman"/>
        <family val="1"/>
        <charset val="238"/>
      </rPr>
      <t>Jednorazová kanyla typ č.1</t>
    </r>
  </si>
  <si>
    <t>1.12.1</t>
  </si>
  <si>
    <t>1.12.2</t>
  </si>
  <si>
    <t>požadovaná hrúbka: G22</t>
  </si>
  <si>
    <t>1.12.3</t>
  </si>
  <si>
    <t>požadovaný rozmer: 0,7 mm x 30 mm (bez tolerancie)</t>
  </si>
  <si>
    <t>1.13</t>
  </si>
  <si>
    <r>
      <t xml:space="preserve">Produkt č.13 - </t>
    </r>
    <r>
      <rPr>
        <b/>
        <sz val="11"/>
        <rFont val="Times New Roman"/>
        <family val="1"/>
        <charset val="238"/>
      </rPr>
      <t>Jednorazová kanyla typ č.2</t>
    </r>
  </si>
  <si>
    <t>1.13.1</t>
  </si>
  <si>
    <t>1.13.2</t>
  </si>
  <si>
    <t>požadovaná hrúbka: G18</t>
  </si>
  <si>
    <t>1.13.3</t>
  </si>
  <si>
    <t>požadovaný rozmer: 1,2 mm x 40 mm (bez tolerancie)</t>
  </si>
  <si>
    <t>1.14</t>
  </si>
  <si>
    <r>
      <t xml:space="preserve">Produkt č.14 - </t>
    </r>
    <r>
      <rPr>
        <b/>
        <sz val="11"/>
        <rFont val="Times New Roman"/>
        <family val="1"/>
        <charset val="238"/>
      </rPr>
      <t>Skalpel typ č.1</t>
    </r>
  </si>
  <si>
    <t>1.14.1</t>
  </si>
  <si>
    <t>1.14.2</t>
  </si>
  <si>
    <t>požadovaná hrúbka: č.11</t>
  </si>
  <si>
    <t>1.14.3</t>
  </si>
  <si>
    <t>vyrobený z ušľachtilej ocele</t>
  </si>
  <si>
    <t>1.15</t>
  </si>
  <si>
    <r>
      <t xml:space="preserve">Produkt č.15 - </t>
    </r>
    <r>
      <rPr>
        <b/>
        <sz val="11"/>
        <rFont val="Times New Roman"/>
        <family val="1"/>
        <charset val="238"/>
      </rPr>
      <t>Skalpel typ č.2</t>
    </r>
  </si>
  <si>
    <t>1.15.1</t>
  </si>
  <si>
    <t>1.15.2</t>
  </si>
  <si>
    <t>požadovaná hrúbka: č.20</t>
  </si>
  <si>
    <t>1.15.3</t>
  </si>
  <si>
    <t>1.16</t>
  </si>
  <si>
    <r>
      <t xml:space="preserve">Produkt č.16 - </t>
    </r>
    <r>
      <rPr>
        <b/>
        <sz val="11"/>
        <rFont val="Times New Roman"/>
        <family val="1"/>
        <charset val="238"/>
      </rPr>
      <t>Odsávacia hadica</t>
    </r>
  </si>
  <si>
    <t>1.16.1</t>
  </si>
  <si>
    <t>1.16.2</t>
  </si>
  <si>
    <t>s variabilnými koncovkami po oboch stranách na napojenie odsávača PVC a odsávacieho vaku, ktoré neprepúšťajú tekutinu</t>
  </si>
  <si>
    <t>1.16.3</t>
  </si>
  <si>
    <t>požadovaná veľkosť: CH:25</t>
  </si>
  <si>
    <t>1.16.4</t>
  </si>
  <si>
    <t>požadovaná dĺžka: min. 300 cm</t>
  </si>
  <si>
    <t>1.17</t>
  </si>
  <si>
    <r>
      <t xml:space="preserve">Produkt č.17 - </t>
    </r>
    <r>
      <rPr>
        <b/>
        <sz val="11"/>
        <rFont val="Times New Roman"/>
        <family val="1"/>
        <charset val="238"/>
      </rPr>
      <t>Ortopedický návlek na nohu</t>
    </r>
  </si>
  <si>
    <t>1.17.1</t>
  </si>
  <si>
    <t>1.17.2</t>
  </si>
  <si>
    <t>vyrobený z polyetylénovej fólie potiahnutej polypropylénovou vrstvou</t>
  </si>
  <si>
    <t>1.17.3</t>
  </si>
  <si>
    <t>požadovaný rozmer 33 cm x 55 cm (tolerancia ±2 cm x ±2 cm)</t>
  </si>
  <si>
    <t>1.18</t>
  </si>
  <si>
    <r>
      <t xml:space="preserve">Produkt č.18 - </t>
    </r>
    <r>
      <rPr>
        <b/>
        <sz val="11"/>
        <rFont val="Times New Roman"/>
        <family val="1"/>
        <charset val="238"/>
      </rPr>
      <t>Lepiaci pásik</t>
    </r>
  </si>
  <si>
    <t>1.18.1</t>
  </si>
  <si>
    <t>1.18.2</t>
  </si>
  <si>
    <t>polyethylénový, zabalený v silikónovom obale a vložený do návleku na nohu</t>
  </si>
  <si>
    <t>1.18.3</t>
  </si>
  <si>
    <t>požadovaný rozmer 9 cm x 50 cm (tolerancia ±1 cm x ± 1 cm)</t>
  </si>
  <si>
    <t>1.19</t>
  </si>
  <si>
    <r>
      <t xml:space="preserve">Produkt č.19 - </t>
    </r>
    <r>
      <rPr>
        <b/>
        <sz val="11"/>
        <rFont val="Times New Roman"/>
        <family val="1"/>
        <charset val="238"/>
      </rPr>
      <t>Operačná rúška s lepením typ č.1</t>
    </r>
  </si>
  <si>
    <t>1.19.1</t>
  </si>
  <si>
    <t>1.19.2</t>
  </si>
  <si>
    <t>vyrobená z dvojvrstvového materiálu z polypropylénu napolyethylénovej fólii, pričom materiál rúšky neodráža lúče svetelnej operačnej lampy</t>
  </si>
  <si>
    <t>1.19.3</t>
  </si>
  <si>
    <t>požaduje sa minimálna pevnosť v ťahu rúšky za sucha a mokra pozdĺžne 102 N a priečne 55 N (testované EN 29073-3, norma 13795)</t>
  </si>
  <si>
    <t>1.19.4</t>
  </si>
  <si>
    <t>požaduje sa rýchlosť sania min. 80% (v súlade s normou ISO 9073-11)</t>
  </si>
  <si>
    <t>1.19.5</t>
  </si>
  <si>
    <t>požaduje sa absorpčná schopnosť min. 250 ml/m2</t>
  </si>
  <si>
    <t>1.19.6</t>
  </si>
  <si>
    <t>rúška musí nasávať tekutiny po celej ploche</t>
  </si>
  <si>
    <t>1.19.7</t>
  </si>
  <si>
    <t>požaduje sa lepiaci okraj o šírke min. 4,5 cm max. 6 cm</t>
  </si>
  <si>
    <t>1.19.8</t>
  </si>
  <si>
    <t>pre zabezpečenie rýchlej manipulácie pri príprave výkonu sa požaduje úchopová časť adhezívnej pásky v šírke 2 cm x 5 cm (bez tolerancie) na ukončení</t>
  </si>
  <si>
    <t>1.19.9</t>
  </si>
  <si>
    <t>požaduje sa trojdielne lepenie v rozmedzí 15 cm, 70 cm, 15 cm (bez tolerancie)</t>
  </si>
  <si>
    <t>1.19.10</t>
  </si>
  <si>
    <t>požadovaný rozmer rúšky 160 cm x 250 cm (tolerancia ±10 cm x ±10 cm)</t>
  </si>
  <si>
    <t>1.19.11</t>
  </si>
  <si>
    <t>lepiaci materiál rúšky sa v prípade zlepenia musí dať opätovne rozlepiť bez roztrhnutia, resp. iného poškodenia materiálu rúšky</t>
  </si>
  <si>
    <t>1.19.12</t>
  </si>
  <si>
    <t>požaduje sa označenie rúšky konštantnými piktogramami pre redukciu úpravy operačného procesu: prvý krok, pozícia rúška</t>
  </si>
  <si>
    <t>1.20</t>
  </si>
  <si>
    <r>
      <t xml:space="preserve">Produkt č.20 - </t>
    </r>
    <r>
      <rPr>
        <b/>
        <sz val="11"/>
        <rFont val="Times New Roman"/>
        <family val="1"/>
        <charset val="238"/>
      </rPr>
      <t>Operačná rúška s lepením typ č.2</t>
    </r>
  </si>
  <si>
    <t>1.20.1</t>
  </si>
  <si>
    <t>1.20.2</t>
  </si>
  <si>
    <t>vyrobená z dvojvrstvového materiálu z polypropylénu na polyethylénovej fólii, pričom materiál rúšky neodráža lúče svetelnej operačnej lampy</t>
  </si>
  <si>
    <t>1.20.3</t>
  </si>
  <si>
    <t>1.20.4</t>
  </si>
  <si>
    <t>1.20.5</t>
  </si>
  <si>
    <t>1.20.6</t>
  </si>
  <si>
    <t>1.20.7</t>
  </si>
  <si>
    <t>1.20.8</t>
  </si>
  <si>
    <t>1.20.9</t>
  </si>
  <si>
    <t>požadovaný rozmer rúšky 75 cm x 90 cm (tolerancia ±7,5 cm x ±9 cm)</t>
  </si>
  <si>
    <t>1.20.10</t>
  </si>
  <si>
    <t>1.21</t>
  </si>
  <si>
    <r>
      <t xml:space="preserve">Produkt č.21 - </t>
    </r>
    <r>
      <rPr>
        <b/>
        <sz val="11"/>
        <rFont val="Times New Roman"/>
        <family val="1"/>
        <charset val="238"/>
      </rPr>
      <t>Operačná rúška v tvare U</t>
    </r>
  </si>
  <si>
    <t>1.21.1</t>
  </si>
  <si>
    <t>1.21.2</t>
  </si>
  <si>
    <t>vyrobená z trojvrstvového materiálu z polypropylénu na polyethylénovej fólii, pričom materiál rúšky neodráža lúče svetelnej operačnej lampy</t>
  </si>
  <si>
    <t>1.21.3</t>
  </si>
  <si>
    <t>s otvorom v tvare U - s trojdielnym lepením kopírujúcim otvor po celom obvode nástrihu so šírkou min. 4,5 cm max. 6 cm</t>
  </si>
  <si>
    <t>1.21.4</t>
  </si>
  <si>
    <t>požadovaný rozmer rúšky 260 cm x 225 cm (tolerancia ±10 cm x ±10 cm)</t>
  </si>
  <si>
    <t>1.21.5</t>
  </si>
  <si>
    <t>požadovaný rozmer U nástrihu 10 cm x 100 cm (bez tolerancie)</t>
  </si>
  <si>
    <t>1.21.6</t>
  </si>
  <si>
    <t>požaduje sa v oblasti U nástrihu zosilnená polypropylénová vrstva v rozmere 50 cm x 100 cm, pričom zosilnená oblasť musí byť vo výške 45 cm (tolerancia ±2 cm) od horného okraja</t>
  </si>
  <si>
    <t>1.21.7</t>
  </si>
  <si>
    <t>požaduje sa, aby zosilnená vrstva na PE fólii bola nanesená v množstve 30 + 50 g/m2 polypropylénového materiálu</t>
  </si>
  <si>
    <t>1.21.8</t>
  </si>
  <si>
    <t>požaduje sa absorpčná schopnosť rúšky v oblasti operačného poľa min. 405 ml/m2</t>
  </si>
  <si>
    <t>1.21.9</t>
  </si>
  <si>
    <t>požaduje sa minimálna pevnosť v ťahu rúšky za sucha a mokrapozdĺžne 180 N a priečne 80 N (aj pri nasatí PE podkladu tekutinou)</t>
  </si>
  <si>
    <t>1.21.10</t>
  </si>
  <si>
    <t>1.21.11</t>
  </si>
  <si>
    <t>rúška musí mať vysokú schopnosť kopírovať kónicku časť tela v oblasti operačného poľa</t>
  </si>
  <si>
    <t>1.21.12</t>
  </si>
  <si>
    <t>1.21.13</t>
  </si>
  <si>
    <t>požaduje sa označenie rúšky konštantnými piktogramami pre redukciu úpravy operačného procesu: prvý krok, pozícia rúška, nástrihu.</t>
  </si>
  <si>
    <t>1.22</t>
  </si>
  <si>
    <r>
      <t xml:space="preserve">Produkt č.22 - </t>
    </r>
    <r>
      <rPr>
        <b/>
        <sz val="11"/>
        <rFont val="Times New Roman"/>
        <family val="1"/>
        <charset val="238"/>
      </rPr>
      <t>Hubka na čistenie koagulácie</t>
    </r>
  </si>
  <si>
    <t>1.22.1</t>
  </si>
  <si>
    <t>z jednej strany lepiaca fólia na upevnenie k rúškovaniu,</t>
  </si>
  <si>
    <t>1.22.2</t>
  </si>
  <si>
    <t>druhá strana čistič koagulácie</t>
  </si>
  <si>
    <t>1.22.3</t>
  </si>
  <si>
    <t>požadovaná veľkosť 5 cm x 5 cm (tolerancia ±1 cm)</t>
  </si>
  <si>
    <t>časti setu musia byť zabalené v sterilnom obale, ktorý musí mať peel otváranie a v poradí časť č. 2,3,5,7,...,14.</t>
  </si>
  <si>
    <t>smer ukladania od vrchu: časť č.2,3,5,7,..,14 (spodná časť). To z dôvodu zachovania sterility.</t>
  </si>
  <si>
    <t>predná strana sterilného obalu musí obsahovať: názov setu, zloženie setu, čiarový kód, exspiráciu, dve dokumentačné etikety,</t>
  </si>
  <si>
    <t>z dôvodu zabezpečenia neporušiteľnosti sterilného obalu počas jeho prepravy a manipulácie sa požaduje jeho balenie ešte v dvoch kartónových obaloch,</t>
  </si>
  <si>
    <t>požaduje sa, aby bol set bez zápachu, sterilizovaný ethylenoxidom,</t>
  </si>
  <si>
    <t>všetky súčasti setu musia spĺňať požiadavky High-performance štandardu EN 13796.</t>
  </si>
  <si>
    <t>Jednorazový operačný set by-pass</t>
  </si>
  <si>
    <t>814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36" xfId="0" applyFont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8" xfId="0" applyNumberFormat="1" applyFont="1" applyFill="1" applyBorder="1" applyAlignment="1">
      <alignment horizontal="center" vertical="top" wrapText="1"/>
    </xf>
    <xf numFmtId="49" fontId="19" fillId="3" borderId="54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56" xfId="0" applyFont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39" xfId="0" applyFont="1" applyFill="1" applyBorder="1" applyAlignment="1" applyProtection="1">
      <alignment horizontal="center" vertical="center" wrapText="1"/>
      <protection locked="0"/>
    </xf>
    <xf numFmtId="165" fontId="16" fillId="0" borderId="46" xfId="0" applyNumberFormat="1" applyFont="1" applyBorder="1" applyAlignment="1" applyProtection="1">
      <alignment horizontal="right" vertical="center" wrapText="1"/>
      <protection locked="0"/>
    </xf>
    <xf numFmtId="9" fontId="16" fillId="0" borderId="4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37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0" fontId="1" fillId="2" borderId="57" xfId="2" applyFont="1" applyFill="1" applyBorder="1" applyAlignment="1">
      <alignment horizontal="center" vertical="center" wrapText="1"/>
    </xf>
    <xf numFmtId="49" fontId="10" fillId="2" borderId="21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165" fontId="16" fillId="0" borderId="45" xfId="0" applyNumberFormat="1" applyFont="1" applyBorder="1" applyAlignment="1" applyProtection="1">
      <alignment horizontal="right" vertical="center" wrapText="1"/>
      <protection locked="0"/>
    </xf>
    <xf numFmtId="0" fontId="16" fillId="0" borderId="58" xfId="0" applyFont="1" applyBorder="1" applyAlignment="1" applyProtection="1">
      <alignment horizontal="center" vertical="center" wrapText="1"/>
      <protection locked="0"/>
    </xf>
    <xf numFmtId="0" fontId="16" fillId="2" borderId="60" xfId="0" applyFont="1" applyFill="1" applyBorder="1" applyAlignment="1" applyProtection="1">
      <alignment horizontal="center" vertical="center" wrapText="1"/>
      <protection locked="0"/>
    </xf>
    <xf numFmtId="0" fontId="16" fillId="2" borderId="61" xfId="0" applyFont="1" applyFill="1" applyBorder="1" applyAlignment="1" applyProtection="1">
      <alignment horizontal="center" vertical="center" wrapText="1"/>
      <protection locked="0"/>
    </xf>
    <xf numFmtId="165" fontId="16" fillId="0" borderId="44" xfId="0" applyNumberFormat="1" applyFont="1" applyBorder="1" applyAlignment="1" applyProtection="1">
      <alignment horizontal="right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left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center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9" fontId="16" fillId="0" borderId="71" xfId="0" applyNumberFormat="1" applyFont="1" applyBorder="1" applyAlignment="1" applyProtection="1">
      <alignment horizontal="center" vertical="center" wrapText="1"/>
      <protection locked="0"/>
    </xf>
    <xf numFmtId="165" fontId="16" fillId="0" borderId="69" xfId="0" applyNumberFormat="1" applyFont="1" applyBorder="1" applyAlignment="1" applyProtection="1">
      <alignment horizontal="right" vertical="center" wrapText="1"/>
      <protection locked="0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left" vertical="center" wrapText="1"/>
      <protection locked="0"/>
    </xf>
    <xf numFmtId="49" fontId="16" fillId="0" borderId="73" xfId="0" applyNumberFormat="1" applyFont="1" applyBorder="1" applyAlignment="1" applyProtection="1">
      <alignment horizontal="left" vertical="center" wrapText="1"/>
      <protection locked="0"/>
    </xf>
    <xf numFmtId="49" fontId="16" fillId="0" borderId="74" xfId="0" applyNumberFormat="1" applyFont="1" applyBorder="1" applyAlignment="1" applyProtection="1">
      <alignment horizontal="center" vertical="center" wrapText="1"/>
      <protection locked="0"/>
    </xf>
    <xf numFmtId="4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center" vertical="center" wrapText="1"/>
      <protection locked="0"/>
    </xf>
    <xf numFmtId="49" fontId="16" fillId="0" borderId="77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165" fontId="16" fillId="0" borderId="76" xfId="0" applyNumberFormat="1" applyFont="1" applyBorder="1" applyAlignment="1" applyProtection="1">
      <alignment horizontal="right" vertical="center" wrapText="1"/>
      <protection locked="0"/>
    </xf>
    <xf numFmtId="9" fontId="16" fillId="0" borderId="78" xfId="0" applyNumberFormat="1" applyFont="1" applyBorder="1" applyAlignment="1" applyProtection="1">
      <alignment horizontal="center" vertical="center" wrapText="1"/>
      <protection locked="0"/>
    </xf>
    <xf numFmtId="165" fontId="16" fillId="0" borderId="75" xfId="0" applyNumberFormat="1" applyFont="1" applyBorder="1" applyAlignment="1" applyProtection="1">
      <alignment horizontal="right" vertical="center" wrapText="1"/>
      <protection locked="0"/>
    </xf>
    <xf numFmtId="0" fontId="16" fillId="0" borderId="0" xfId="0" applyFont="1" applyBorder="1" applyAlignment="1" applyProtection="1">
      <alignment horizontal="center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6" fillId="0" borderId="0" xfId="0" applyFont="1"/>
    <xf numFmtId="0" fontId="16" fillId="0" borderId="0" xfId="0" applyFont="1" applyAlignment="1" applyProtection="1">
      <alignment wrapText="1"/>
      <protection locked="0"/>
    </xf>
    <xf numFmtId="0" fontId="16" fillId="0" borderId="0" xfId="0" applyFont="1" applyBorder="1" applyAlignment="1" applyProtection="1">
      <alignment wrapText="1"/>
      <protection locked="0"/>
    </xf>
    <xf numFmtId="0" fontId="16" fillId="0" borderId="0" xfId="0" applyFont="1" applyAlignment="1" applyProtection="1">
      <alignment horizontal="right" vertical="top"/>
      <protection locked="0"/>
    </xf>
    <xf numFmtId="0" fontId="16" fillId="0" borderId="0" xfId="0" applyFont="1" applyBorder="1" applyAlignment="1" applyProtection="1">
      <alignment vertical="center" wrapText="1"/>
      <protection locked="0"/>
    </xf>
    <xf numFmtId="0" fontId="16" fillId="0" borderId="0" xfId="0" applyFont="1" applyAlignment="1" applyProtection="1">
      <alignment horizontal="center" vertical="top" wrapText="1"/>
      <protection locked="0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9" xfId="0" applyNumberFormat="1" applyFont="1" applyFill="1" applyBorder="1" applyAlignment="1">
      <alignment horizontal="left" vertical="top" wrapText="1"/>
    </xf>
    <xf numFmtId="49" fontId="19" fillId="3" borderId="23" xfId="0" applyNumberFormat="1" applyFont="1" applyFill="1" applyBorder="1" applyAlignment="1">
      <alignment horizontal="left" vertical="top" wrapText="1"/>
    </xf>
    <xf numFmtId="49" fontId="19" fillId="3" borderId="52" xfId="0" applyNumberFormat="1" applyFont="1" applyFill="1" applyBorder="1" applyAlignment="1">
      <alignment horizontal="left" vertical="top" wrapText="1"/>
    </xf>
    <xf numFmtId="49" fontId="19" fillId="3" borderId="53" xfId="0" applyNumberFormat="1" applyFont="1" applyFill="1" applyBorder="1" applyAlignment="1">
      <alignment horizontal="left" vertical="top" wrapText="1"/>
    </xf>
    <xf numFmtId="0" fontId="19" fillId="3" borderId="50" xfId="0" applyFont="1" applyFill="1" applyBorder="1" applyAlignment="1">
      <alignment horizontal="center" vertical="top" wrapText="1"/>
    </xf>
    <xf numFmtId="0" fontId="19" fillId="3" borderId="51" xfId="0" applyFont="1" applyFill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55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6" fillId="0" borderId="0" xfId="0" applyFont="1" applyAlignment="1">
      <alignment horizontal="left" vertical="top" wrapText="1"/>
    </xf>
    <xf numFmtId="0" fontId="16" fillId="0" borderId="0" xfId="0" applyNumberFormat="1" applyFont="1" applyBorder="1" applyAlignment="1">
      <alignment horizontal="left" vertical="top" wrapText="1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9" fillId="0" borderId="12" xfId="0" applyFont="1" applyBorder="1" applyAlignment="1" applyProtection="1">
      <alignment horizontal="center" vertical="top" wrapText="1"/>
      <protection locked="0"/>
    </xf>
    <xf numFmtId="0" fontId="19" fillId="0" borderId="59" xfId="0" applyFont="1" applyBorder="1" applyAlignment="1" applyProtection="1">
      <alignment horizontal="center" vertical="top" wrapText="1"/>
      <protection locked="0"/>
    </xf>
    <xf numFmtId="1" fontId="16" fillId="0" borderId="62" xfId="0" applyNumberFormat="1" applyFont="1" applyBorder="1" applyAlignment="1" applyProtection="1">
      <alignment horizontal="center" vertical="center" wrapText="1"/>
      <protection locked="0"/>
    </xf>
    <xf numFmtId="1" fontId="16" fillId="0" borderId="63" xfId="0" applyNumberFormat="1" applyFont="1" applyBorder="1" applyAlignment="1" applyProtection="1">
      <alignment horizontal="center" vertical="center" wrapText="1"/>
      <protection locked="0"/>
    </xf>
    <xf numFmtId="1" fontId="16" fillId="0" borderId="64" xfId="0" applyNumberFormat="1" applyFont="1" applyBorder="1" applyAlignment="1" applyProtection="1">
      <alignment horizontal="center" vertical="center" wrapText="1"/>
      <protection locked="0"/>
    </xf>
    <xf numFmtId="0" fontId="16" fillId="0" borderId="0" xfId="0" applyNumberFormat="1" applyFont="1" applyBorder="1" applyAlignment="1" applyProtection="1">
      <alignment horizontal="left" wrapText="1"/>
      <protection locked="0"/>
    </xf>
    <xf numFmtId="14" fontId="16" fillId="0" borderId="0" xfId="0" applyNumberFormat="1" applyFont="1" applyBorder="1" applyAlignment="1" applyProtection="1">
      <alignment horizontal="left" wrapText="1"/>
      <protection locked="0"/>
    </xf>
    <xf numFmtId="0" fontId="19" fillId="0" borderId="7" xfId="0" applyNumberFormat="1" applyFont="1" applyBorder="1" applyAlignment="1">
      <alignment horizontal="center" vertical="top" wrapText="1"/>
    </xf>
    <xf numFmtId="0" fontId="16" fillId="0" borderId="0" xfId="0" applyFont="1" applyBorder="1" applyAlignment="1">
      <alignment horizontal="left" vertical="center" wrapText="1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23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31" xfId="0" applyFont="1" applyBorder="1" applyAlignment="1" applyProtection="1">
      <alignment horizontal="left" vertical="top" wrapText="1"/>
      <protection locked="0"/>
    </xf>
    <xf numFmtId="0" fontId="19" fillId="0" borderId="24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21" fillId="0" borderId="0" xfId="1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8" fillId="0" borderId="27" xfId="0" applyFont="1" applyBorder="1" applyAlignment="1" applyProtection="1">
      <alignment horizontal="center" vertical="top" wrapText="1"/>
      <protection locked="0"/>
    </xf>
    <xf numFmtId="0" fontId="18" fillId="0" borderId="35" xfId="0" applyFont="1" applyBorder="1" applyAlignment="1" applyProtection="1">
      <alignment horizontal="center" vertical="top" wrapText="1"/>
      <protection locked="0"/>
    </xf>
    <xf numFmtId="0" fontId="19" fillId="0" borderId="23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28" xfId="0" applyNumberFormat="1" applyFont="1" applyBorder="1" applyAlignment="1" applyProtection="1">
      <alignment horizontal="center" vertical="top" wrapText="1"/>
      <protection locked="0"/>
    </xf>
    <xf numFmtId="3" fontId="19" fillId="0" borderId="29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7" fillId="2" borderId="79" xfId="0" applyNumberFormat="1" applyFont="1" applyFill="1" applyBorder="1" applyAlignment="1">
      <alignment horizontal="left" vertical="center"/>
    </xf>
    <xf numFmtId="49" fontId="7" fillId="2" borderId="80" xfId="0" applyNumberFormat="1" applyFont="1" applyFill="1" applyBorder="1" applyAlignment="1">
      <alignment horizontal="left" vertical="center"/>
    </xf>
    <xf numFmtId="49" fontId="7" fillId="2" borderId="51" xfId="0" applyNumberFormat="1" applyFont="1" applyFill="1" applyBorder="1" applyAlignment="1">
      <alignment horizontal="left" vertical="center"/>
    </xf>
    <xf numFmtId="49" fontId="1" fillId="0" borderId="15" xfId="0" applyNumberFormat="1" applyFont="1" applyBorder="1" applyAlignment="1">
      <alignment vertical="center"/>
    </xf>
    <xf numFmtId="49" fontId="4" fillId="0" borderId="3" xfId="0" applyNumberFormat="1" applyFont="1" applyFill="1" applyBorder="1" applyAlignment="1">
      <alignment horizontal="left" vertical="center" wrapText="1"/>
    </xf>
    <xf numFmtId="49" fontId="1" fillId="0" borderId="81" xfId="0" applyNumberFormat="1" applyFont="1" applyBorder="1" applyAlignment="1">
      <alignment horizontal="center" vertical="center" wrapText="1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49" fontId="4" fillId="2" borderId="2" xfId="0" applyNumberFormat="1" applyFont="1" applyFill="1" applyBorder="1" applyAlignment="1">
      <alignment horizontal="left" vertical="center" wrapText="1"/>
    </xf>
    <xf numFmtId="49" fontId="4" fillId="2" borderId="6" xfId="0" applyNumberFormat="1" applyFont="1" applyFill="1" applyBorder="1" applyAlignment="1">
      <alignment horizontal="left" vertical="center" wrapText="1"/>
    </xf>
    <xf numFmtId="49" fontId="4" fillId="2" borderId="83" xfId="0" applyNumberFormat="1" applyFont="1" applyFill="1" applyBorder="1" applyAlignment="1">
      <alignment horizontal="left" vertical="center" wrapText="1"/>
    </xf>
    <xf numFmtId="49" fontId="1" fillId="0" borderId="15" xfId="0" applyNumberFormat="1" applyFont="1" applyFill="1" applyBorder="1" applyAlignment="1">
      <alignment vertical="center"/>
    </xf>
    <xf numFmtId="49" fontId="1" fillId="0" borderId="17" xfId="0" applyNumberFormat="1" applyFont="1" applyBorder="1" applyAlignment="1">
      <alignment vertical="center"/>
    </xf>
    <xf numFmtId="49" fontId="4" fillId="0" borderId="18" xfId="0" applyNumberFormat="1" applyFont="1" applyFill="1" applyBorder="1" applyAlignment="1">
      <alignment horizontal="left" vertical="center" wrapText="1"/>
    </xf>
    <xf numFmtId="49" fontId="1" fillId="0" borderId="84" xfId="0" applyNumberFormat="1" applyFont="1" applyBorder="1" applyAlignment="1">
      <alignment horizontal="center" vertical="center" wrapText="1"/>
    </xf>
    <xf numFmtId="0" fontId="1" fillId="0" borderId="85" xfId="0" applyNumberFormat="1" applyFont="1" applyBorder="1" applyAlignment="1" applyProtection="1">
      <alignment horizontal="center" vertical="center" wrapText="1"/>
      <protection locked="0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187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6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2" t="s">
        <v>3</v>
      </c>
      <c r="B1" s="132"/>
      <c r="C1" s="132"/>
      <c r="D1" s="132"/>
      <c r="E1" s="95"/>
    </row>
    <row r="2" spans="1:13" ht="15" customHeight="1" x14ac:dyDescent="0.25">
      <c r="A2" s="133" t="s">
        <v>331</v>
      </c>
      <c r="B2" s="133"/>
      <c r="C2" s="133"/>
      <c r="D2" s="133"/>
      <c r="E2" s="133"/>
      <c r="F2" s="133"/>
      <c r="G2" s="133"/>
    </row>
    <row r="3" spans="1:13" ht="9.9499999999999993" customHeight="1" x14ac:dyDescent="0.25">
      <c r="A3" s="134"/>
      <c r="B3" s="134"/>
      <c r="C3" s="134"/>
      <c r="D3" s="134"/>
      <c r="E3" s="134"/>
      <c r="F3" s="134"/>
    </row>
    <row r="4" spans="1:13" ht="18.75" customHeight="1" x14ac:dyDescent="0.3">
      <c r="A4" s="135" t="s">
        <v>9</v>
      </c>
      <c r="B4" s="135"/>
      <c r="C4" s="135"/>
      <c r="D4" s="135"/>
      <c r="E4" s="135"/>
      <c r="F4" s="135"/>
      <c r="G4" s="135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36" t="s">
        <v>38</v>
      </c>
      <c r="B6" s="137"/>
      <c r="C6" s="137"/>
      <c r="D6" s="137"/>
      <c r="E6" s="137"/>
      <c r="F6" s="140" t="s">
        <v>39</v>
      </c>
      <c r="G6" s="141"/>
    </row>
    <row r="7" spans="1:13" s="3" customFormat="1" ht="53.25" customHeight="1" thickBot="1" x14ac:dyDescent="0.3">
      <c r="A7" s="138"/>
      <c r="B7" s="139"/>
      <c r="C7" s="139"/>
      <c r="D7" s="139"/>
      <c r="E7" s="139"/>
      <c r="F7" s="70" t="s">
        <v>40</v>
      </c>
      <c r="G7" s="71" t="s">
        <v>41</v>
      </c>
    </row>
    <row r="8" spans="1:13" s="2" customFormat="1" ht="27.75" customHeight="1" x14ac:dyDescent="0.25">
      <c r="A8" s="198" t="s">
        <v>74</v>
      </c>
      <c r="B8" s="199"/>
      <c r="C8" s="199"/>
      <c r="D8" s="199"/>
      <c r="E8" s="199"/>
      <c r="F8" s="199"/>
      <c r="G8" s="200"/>
    </row>
    <row r="9" spans="1:13" s="2" customFormat="1" ht="27.75" customHeight="1" x14ac:dyDescent="0.25">
      <c r="A9" s="201" t="s">
        <v>5</v>
      </c>
      <c r="B9" s="202" t="s">
        <v>75</v>
      </c>
      <c r="C9" s="202"/>
      <c r="D9" s="202"/>
      <c r="E9" s="202"/>
      <c r="F9" s="203"/>
      <c r="G9" s="204"/>
    </row>
    <row r="10" spans="1:13" s="2" customFormat="1" ht="27.75" customHeight="1" x14ac:dyDescent="0.25">
      <c r="A10" s="201" t="s">
        <v>58</v>
      </c>
      <c r="B10" s="205" t="s">
        <v>76</v>
      </c>
      <c r="C10" s="206"/>
      <c r="D10" s="206"/>
      <c r="E10" s="206"/>
      <c r="F10" s="206"/>
      <c r="G10" s="207"/>
    </row>
    <row r="11" spans="1:13" s="2" customFormat="1" ht="30" customHeight="1" x14ac:dyDescent="0.25">
      <c r="A11" s="201" t="s">
        <v>62</v>
      </c>
      <c r="B11" s="202" t="s">
        <v>77</v>
      </c>
      <c r="C11" s="202"/>
      <c r="D11" s="202"/>
      <c r="E11" s="202"/>
      <c r="F11" s="203"/>
      <c r="G11" s="204"/>
    </row>
    <row r="12" spans="1:13" s="2" customFormat="1" ht="30" customHeight="1" x14ac:dyDescent="0.25">
      <c r="A12" s="201" t="s">
        <v>63</v>
      </c>
      <c r="B12" s="202" t="s">
        <v>78</v>
      </c>
      <c r="C12" s="202"/>
      <c r="D12" s="202"/>
      <c r="E12" s="202"/>
      <c r="F12" s="203"/>
      <c r="G12" s="204"/>
    </row>
    <row r="13" spans="1:13" s="2" customFormat="1" ht="27.75" customHeight="1" x14ac:dyDescent="0.25">
      <c r="A13" s="201" t="s">
        <v>64</v>
      </c>
      <c r="B13" s="202" t="s">
        <v>79</v>
      </c>
      <c r="C13" s="202"/>
      <c r="D13" s="202"/>
      <c r="E13" s="202"/>
      <c r="F13" s="203"/>
      <c r="G13" s="204"/>
    </row>
    <row r="14" spans="1:13" s="2" customFormat="1" ht="27.75" customHeight="1" x14ac:dyDescent="0.25">
      <c r="A14" s="201" t="s">
        <v>65</v>
      </c>
      <c r="B14" s="202" t="s">
        <v>80</v>
      </c>
      <c r="C14" s="202"/>
      <c r="D14" s="202"/>
      <c r="E14" s="202"/>
      <c r="F14" s="203"/>
      <c r="G14" s="204"/>
    </row>
    <row r="15" spans="1:13" s="2" customFormat="1" ht="27.75" customHeight="1" x14ac:dyDescent="0.25">
      <c r="A15" s="201" t="s">
        <v>81</v>
      </c>
      <c r="B15" s="202" t="s">
        <v>82</v>
      </c>
      <c r="C15" s="202"/>
      <c r="D15" s="202"/>
      <c r="E15" s="202"/>
      <c r="F15" s="203"/>
      <c r="G15" s="204"/>
    </row>
    <row r="16" spans="1:13" s="2" customFormat="1" ht="27.75" customHeight="1" x14ac:dyDescent="0.25">
      <c r="A16" s="201" t="s">
        <v>83</v>
      </c>
      <c r="B16" s="202" t="s">
        <v>84</v>
      </c>
      <c r="C16" s="202"/>
      <c r="D16" s="202"/>
      <c r="E16" s="202"/>
      <c r="F16" s="203"/>
      <c r="G16" s="204"/>
    </row>
    <row r="17" spans="1:7" s="2" customFormat="1" ht="27.75" customHeight="1" x14ac:dyDescent="0.25">
      <c r="A17" s="201" t="s">
        <v>85</v>
      </c>
      <c r="B17" s="202" t="s">
        <v>86</v>
      </c>
      <c r="C17" s="202"/>
      <c r="D17" s="202"/>
      <c r="E17" s="202"/>
      <c r="F17" s="203"/>
      <c r="G17" s="204"/>
    </row>
    <row r="18" spans="1:7" s="2" customFormat="1" ht="27.75" customHeight="1" x14ac:dyDescent="0.25">
      <c r="A18" s="201" t="s">
        <v>59</v>
      </c>
      <c r="B18" s="205" t="s">
        <v>87</v>
      </c>
      <c r="C18" s="206"/>
      <c r="D18" s="206"/>
      <c r="E18" s="206"/>
      <c r="F18" s="206"/>
      <c r="G18" s="207"/>
    </row>
    <row r="19" spans="1:7" s="2" customFormat="1" ht="27.75" customHeight="1" x14ac:dyDescent="0.25">
      <c r="A19" s="208" t="s">
        <v>66</v>
      </c>
      <c r="B19" s="202" t="s">
        <v>88</v>
      </c>
      <c r="C19" s="202"/>
      <c r="D19" s="202"/>
      <c r="E19" s="202"/>
      <c r="F19" s="203"/>
      <c r="G19" s="204"/>
    </row>
    <row r="20" spans="1:7" s="2" customFormat="1" ht="27.75" customHeight="1" x14ac:dyDescent="0.25">
      <c r="A20" s="201" t="s">
        <v>67</v>
      </c>
      <c r="B20" s="202" t="s">
        <v>89</v>
      </c>
      <c r="C20" s="202"/>
      <c r="D20" s="202"/>
      <c r="E20" s="202"/>
      <c r="F20" s="203"/>
      <c r="G20" s="204"/>
    </row>
    <row r="21" spans="1:7" s="2" customFormat="1" ht="27.75" customHeight="1" x14ac:dyDescent="0.25">
      <c r="A21" s="201" t="s">
        <v>90</v>
      </c>
      <c r="B21" s="202" t="s">
        <v>91</v>
      </c>
      <c r="C21" s="202"/>
      <c r="D21" s="202"/>
      <c r="E21" s="202"/>
      <c r="F21" s="203"/>
      <c r="G21" s="204"/>
    </row>
    <row r="22" spans="1:7" s="2" customFormat="1" ht="27.75" customHeight="1" x14ac:dyDescent="0.25">
      <c r="A22" s="201" t="s">
        <v>60</v>
      </c>
      <c r="B22" s="205" t="s">
        <v>92</v>
      </c>
      <c r="C22" s="206"/>
      <c r="D22" s="206"/>
      <c r="E22" s="206"/>
      <c r="F22" s="206"/>
      <c r="G22" s="207"/>
    </row>
    <row r="23" spans="1:7" s="2" customFormat="1" ht="30" customHeight="1" x14ac:dyDescent="0.25">
      <c r="A23" s="201" t="s">
        <v>68</v>
      </c>
      <c r="B23" s="202" t="s">
        <v>77</v>
      </c>
      <c r="C23" s="202"/>
      <c r="D23" s="202"/>
      <c r="E23" s="202"/>
      <c r="F23" s="203"/>
      <c r="G23" s="204"/>
    </row>
    <row r="24" spans="1:7" s="2" customFormat="1" ht="30" customHeight="1" x14ac:dyDescent="0.25">
      <c r="A24" s="201" t="s">
        <v>69</v>
      </c>
      <c r="B24" s="202" t="s">
        <v>93</v>
      </c>
      <c r="C24" s="202"/>
      <c r="D24" s="202"/>
      <c r="E24" s="202"/>
      <c r="F24" s="203"/>
      <c r="G24" s="204"/>
    </row>
    <row r="25" spans="1:7" s="2" customFormat="1" ht="27.75" customHeight="1" x14ac:dyDescent="0.25">
      <c r="A25" s="201" t="s">
        <v>94</v>
      </c>
      <c r="B25" s="202" t="s">
        <v>95</v>
      </c>
      <c r="C25" s="202"/>
      <c r="D25" s="202"/>
      <c r="E25" s="202"/>
      <c r="F25" s="203"/>
      <c r="G25" s="204"/>
    </row>
    <row r="26" spans="1:7" s="2" customFormat="1" ht="30" customHeight="1" x14ac:dyDescent="0.25">
      <c r="A26" s="201" t="s">
        <v>96</v>
      </c>
      <c r="B26" s="202" t="s">
        <v>97</v>
      </c>
      <c r="C26" s="202"/>
      <c r="D26" s="202"/>
      <c r="E26" s="202"/>
      <c r="F26" s="203"/>
      <c r="G26" s="204"/>
    </row>
    <row r="27" spans="1:7" s="2" customFormat="1" ht="30" customHeight="1" x14ac:dyDescent="0.25">
      <c r="A27" s="201" t="s">
        <v>98</v>
      </c>
      <c r="B27" s="202" t="s">
        <v>99</v>
      </c>
      <c r="C27" s="202"/>
      <c r="D27" s="202"/>
      <c r="E27" s="202"/>
      <c r="F27" s="203"/>
      <c r="G27" s="204"/>
    </row>
    <row r="28" spans="1:7" s="2" customFormat="1" ht="30" customHeight="1" x14ac:dyDescent="0.25">
      <c r="A28" s="201" t="s">
        <v>100</v>
      </c>
      <c r="B28" s="202" t="s">
        <v>101</v>
      </c>
      <c r="C28" s="202"/>
      <c r="D28" s="202"/>
      <c r="E28" s="202"/>
      <c r="F28" s="203"/>
      <c r="G28" s="204"/>
    </row>
    <row r="29" spans="1:7" s="2" customFormat="1" ht="30" customHeight="1" x14ac:dyDescent="0.25">
      <c r="A29" s="201" t="s">
        <v>102</v>
      </c>
      <c r="B29" s="202" t="s">
        <v>103</v>
      </c>
      <c r="C29" s="202"/>
      <c r="D29" s="202"/>
      <c r="E29" s="202"/>
      <c r="F29" s="203"/>
      <c r="G29" s="204"/>
    </row>
    <row r="30" spans="1:7" s="2" customFormat="1" ht="27.75" customHeight="1" x14ac:dyDescent="0.25">
      <c r="A30" s="201" t="s">
        <v>104</v>
      </c>
      <c r="B30" s="202" t="s">
        <v>105</v>
      </c>
      <c r="C30" s="202"/>
      <c r="D30" s="202"/>
      <c r="E30" s="202"/>
      <c r="F30" s="203"/>
      <c r="G30" s="204"/>
    </row>
    <row r="31" spans="1:7" s="2" customFormat="1" ht="30" customHeight="1" x14ac:dyDescent="0.25">
      <c r="A31" s="201" t="s">
        <v>106</v>
      </c>
      <c r="B31" s="202" t="s">
        <v>107</v>
      </c>
      <c r="C31" s="202"/>
      <c r="D31" s="202"/>
      <c r="E31" s="202"/>
      <c r="F31" s="203"/>
      <c r="G31" s="204"/>
    </row>
    <row r="32" spans="1:7" s="2" customFormat="1" ht="30" customHeight="1" x14ac:dyDescent="0.25">
      <c r="A32" s="201" t="s">
        <v>108</v>
      </c>
      <c r="B32" s="202" t="s">
        <v>109</v>
      </c>
      <c r="C32" s="202"/>
      <c r="D32" s="202"/>
      <c r="E32" s="202"/>
      <c r="F32" s="203"/>
      <c r="G32" s="204"/>
    </row>
    <row r="33" spans="1:7" s="2" customFormat="1" ht="30" customHeight="1" x14ac:dyDescent="0.25">
      <c r="A33" s="201" t="s">
        <v>110</v>
      </c>
      <c r="B33" s="202" t="s">
        <v>111</v>
      </c>
      <c r="C33" s="202"/>
      <c r="D33" s="202"/>
      <c r="E33" s="202"/>
      <c r="F33" s="203"/>
      <c r="G33" s="204"/>
    </row>
    <row r="34" spans="1:7" s="2" customFormat="1" ht="27.75" customHeight="1" x14ac:dyDescent="0.25">
      <c r="A34" s="201" t="s">
        <v>61</v>
      </c>
      <c r="B34" s="205" t="s">
        <v>112</v>
      </c>
      <c r="C34" s="206"/>
      <c r="D34" s="206"/>
      <c r="E34" s="206"/>
      <c r="F34" s="206"/>
      <c r="G34" s="207"/>
    </row>
    <row r="35" spans="1:7" s="2" customFormat="1" ht="30" customHeight="1" x14ac:dyDescent="0.25">
      <c r="A35" s="201" t="s">
        <v>70</v>
      </c>
      <c r="B35" s="202" t="s">
        <v>77</v>
      </c>
      <c r="C35" s="202"/>
      <c r="D35" s="202"/>
      <c r="E35" s="202"/>
      <c r="F35" s="203"/>
      <c r="G35" s="204"/>
    </row>
    <row r="36" spans="1:7" s="2" customFormat="1" ht="30" customHeight="1" x14ac:dyDescent="0.25">
      <c r="A36" s="201" t="s">
        <v>113</v>
      </c>
      <c r="B36" s="202" t="s">
        <v>93</v>
      </c>
      <c r="C36" s="202"/>
      <c r="D36" s="202"/>
      <c r="E36" s="202"/>
      <c r="F36" s="203"/>
      <c r="G36" s="204"/>
    </row>
    <row r="37" spans="1:7" s="2" customFormat="1" ht="27.75" customHeight="1" x14ac:dyDescent="0.25">
      <c r="A37" s="201" t="s">
        <v>114</v>
      </c>
      <c r="B37" s="202" t="s">
        <v>115</v>
      </c>
      <c r="C37" s="202"/>
      <c r="D37" s="202"/>
      <c r="E37" s="202"/>
      <c r="F37" s="203"/>
      <c r="G37" s="204"/>
    </row>
    <row r="38" spans="1:7" s="2" customFormat="1" ht="30" customHeight="1" x14ac:dyDescent="0.25">
      <c r="A38" s="201" t="s">
        <v>116</v>
      </c>
      <c r="B38" s="202" t="s">
        <v>97</v>
      </c>
      <c r="C38" s="202"/>
      <c r="D38" s="202"/>
      <c r="E38" s="202"/>
      <c r="F38" s="203"/>
      <c r="G38" s="204"/>
    </row>
    <row r="39" spans="1:7" s="2" customFormat="1" ht="30" customHeight="1" x14ac:dyDescent="0.25">
      <c r="A39" s="201" t="s">
        <v>117</v>
      </c>
      <c r="B39" s="202" t="s">
        <v>99</v>
      </c>
      <c r="C39" s="202"/>
      <c r="D39" s="202"/>
      <c r="E39" s="202"/>
      <c r="F39" s="203"/>
      <c r="G39" s="204"/>
    </row>
    <row r="40" spans="1:7" s="2" customFormat="1" ht="30" customHeight="1" x14ac:dyDescent="0.25">
      <c r="A40" s="201" t="s">
        <v>118</v>
      </c>
      <c r="B40" s="202" t="s">
        <v>119</v>
      </c>
      <c r="C40" s="202"/>
      <c r="D40" s="202"/>
      <c r="E40" s="202"/>
      <c r="F40" s="203"/>
      <c r="G40" s="204"/>
    </row>
    <row r="41" spans="1:7" s="2" customFormat="1" ht="30" customHeight="1" x14ac:dyDescent="0.25">
      <c r="A41" s="201" t="s">
        <v>120</v>
      </c>
      <c r="B41" s="202" t="s">
        <v>103</v>
      </c>
      <c r="C41" s="202"/>
      <c r="D41" s="202"/>
      <c r="E41" s="202"/>
      <c r="F41" s="203"/>
      <c r="G41" s="204"/>
    </row>
    <row r="42" spans="1:7" s="2" customFormat="1" ht="27.75" customHeight="1" x14ac:dyDescent="0.25">
      <c r="A42" s="201" t="s">
        <v>121</v>
      </c>
      <c r="B42" s="202" t="s">
        <v>105</v>
      </c>
      <c r="C42" s="202"/>
      <c r="D42" s="202"/>
      <c r="E42" s="202"/>
      <c r="F42" s="203"/>
      <c r="G42" s="204"/>
    </row>
    <row r="43" spans="1:7" s="2" customFormat="1" ht="30" customHeight="1" x14ac:dyDescent="0.25">
      <c r="A43" s="201" t="s">
        <v>122</v>
      </c>
      <c r="B43" s="202" t="s">
        <v>107</v>
      </c>
      <c r="C43" s="202"/>
      <c r="D43" s="202"/>
      <c r="E43" s="202"/>
      <c r="F43" s="203"/>
      <c r="G43" s="204"/>
    </row>
    <row r="44" spans="1:7" s="2" customFormat="1" ht="30" customHeight="1" x14ac:dyDescent="0.25">
      <c r="A44" s="201" t="s">
        <v>123</v>
      </c>
      <c r="B44" s="202" t="s">
        <v>109</v>
      </c>
      <c r="C44" s="202"/>
      <c r="D44" s="202"/>
      <c r="E44" s="202"/>
      <c r="F44" s="203"/>
      <c r="G44" s="204"/>
    </row>
    <row r="45" spans="1:7" s="2" customFormat="1" ht="30" customHeight="1" x14ac:dyDescent="0.25">
      <c r="A45" s="201" t="s">
        <v>124</v>
      </c>
      <c r="B45" s="202" t="s">
        <v>111</v>
      </c>
      <c r="C45" s="202"/>
      <c r="D45" s="202"/>
      <c r="E45" s="202"/>
      <c r="F45" s="203"/>
      <c r="G45" s="204"/>
    </row>
    <row r="46" spans="1:7" s="2" customFormat="1" ht="27.75" customHeight="1" x14ac:dyDescent="0.25">
      <c r="A46" s="201" t="s">
        <v>125</v>
      </c>
      <c r="B46" s="205" t="s">
        <v>126</v>
      </c>
      <c r="C46" s="206"/>
      <c r="D46" s="206"/>
      <c r="E46" s="206"/>
      <c r="F46" s="206"/>
      <c r="G46" s="207"/>
    </row>
    <row r="47" spans="1:7" s="2" customFormat="1" ht="30" customHeight="1" x14ac:dyDescent="0.25">
      <c r="A47" s="201" t="s">
        <v>127</v>
      </c>
      <c r="B47" s="202" t="s">
        <v>128</v>
      </c>
      <c r="C47" s="202"/>
      <c r="D47" s="202"/>
      <c r="E47" s="202"/>
      <c r="F47" s="203"/>
      <c r="G47" s="204"/>
    </row>
    <row r="48" spans="1:7" s="2" customFormat="1" ht="30" customHeight="1" x14ac:dyDescent="0.25">
      <c r="A48" s="201" t="s">
        <v>129</v>
      </c>
      <c r="B48" s="202" t="s">
        <v>130</v>
      </c>
      <c r="C48" s="202"/>
      <c r="D48" s="202"/>
      <c r="E48" s="202"/>
      <c r="F48" s="203"/>
      <c r="G48" s="204"/>
    </row>
    <row r="49" spans="1:7" s="2" customFormat="1" ht="27.75" customHeight="1" x14ac:dyDescent="0.25">
      <c r="A49" s="201" t="s">
        <v>131</v>
      </c>
      <c r="B49" s="202" t="s">
        <v>132</v>
      </c>
      <c r="C49" s="202"/>
      <c r="D49" s="202"/>
      <c r="E49" s="202"/>
      <c r="F49" s="203"/>
      <c r="G49" s="204"/>
    </row>
    <row r="50" spans="1:7" s="2" customFormat="1" ht="27.75" customHeight="1" x14ac:dyDescent="0.25">
      <c r="A50" s="201" t="s">
        <v>133</v>
      </c>
      <c r="B50" s="202" t="s">
        <v>134</v>
      </c>
      <c r="C50" s="202"/>
      <c r="D50" s="202"/>
      <c r="E50" s="202"/>
      <c r="F50" s="203"/>
      <c r="G50" s="204"/>
    </row>
    <row r="51" spans="1:7" s="2" customFormat="1" ht="27.75" customHeight="1" x14ac:dyDescent="0.25">
      <c r="A51" s="201" t="s">
        <v>135</v>
      </c>
      <c r="B51" s="202" t="s">
        <v>136</v>
      </c>
      <c r="C51" s="202"/>
      <c r="D51" s="202"/>
      <c r="E51" s="202"/>
      <c r="F51" s="203"/>
      <c r="G51" s="204"/>
    </row>
    <row r="52" spans="1:7" s="2" customFormat="1" ht="27.75" customHeight="1" x14ac:dyDescent="0.25">
      <c r="A52" s="201" t="s">
        <v>137</v>
      </c>
      <c r="B52" s="202" t="s">
        <v>138</v>
      </c>
      <c r="C52" s="202"/>
      <c r="D52" s="202"/>
      <c r="E52" s="202"/>
      <c r="F52" s="203"/>
      <c r="G52" s="204"/>
    </row>
    <row r="53" spans="1:7" s="2" customFormat="1" ht="27.75" customHeight="1" x14ac:dyDescent="0.25">
      <c r="A53" s="201" t="s">
        <v>139</v>
      </c>
      <c r="B53" s="202" t="s">
        <v>140</v>
      </c>
      <c r="C53" s="202"/>
      <c r="D53" s="202"/>
      <c r="E53" s="202"/>
      <c r="F53" s="203"/>
      <c r="G53" s="204"/>
    </row>
    <row r="54" spans="1:7" s="2" customFormat="1" ht="30" customHeight="1" x14ac:dyDescent="0.25">
      <c r="A54" s="201" t="s">
        <v>141</v>
      </c>
      <c r="B54" s="202" t="s">
        <v>142</v>
      </c>
      <c r="C54" s="202"/>
      <c r="D54" s="202"/>
      <c r="E54" s="202"/>
      <c r="F54" s="203"/>
      <c r="G54" s="204"/>
    </row>
    <row r="55" spans="1:7" s="2" customFormat="1" ht="30" customHeight="1" x14ac:dyDescent="0.25">
      <c r="A55" s="201" t="s">
        <v>143</v>
      </c>
      <c r="B55" s="202" t="s">
        <v>144</v>
      </c>
      <c r="C55" s="202"/>
      <c r="D55" s="202"/>
      <c r="E55" s="202"/>
      <c r="F55" s="203"/>
      <c r="G55" s="204"/>
    </row>
    <row r="56" spans="1:7" s="2" customFormat="1" ht="27.75" customHeight="1" x14ac:dyDescent="0.25">
      <c r="A56" s="201" t="s">
        <v>145</v>
      </c>
      <c r="B56" s="202" t="s">
        <v>146</v>
      </c>
      <c r="C56" s="202"/>
      <c r="D56" s="202"/>
      <c r="E56" s="202"/>
      <c r="F56" s="203"/>
      <c r="G56" s="204"/>
    </row>
    <row r="57" spans="1:7" s="2" customFormat="1" ht="27.75" customHeight="1" x14ac:dyDescent="0.25">
      <c r="A57" s="201" t="s">
        <v>147</v>
      </c>
      <c r="B57" s="205" t="s">
        <v>148</v>
      </c>
      <c r="C57" s="206"/>
      <c r="D57" s="206"/>
      <c r="E57" s="206"/>
      <c r="F57" s="206"/>
      <c r="G57" s="207"/>
    </row>
    <row r="58" spans="1:7" s="2" customFormat="1" ht="30" customHeight="1" x14ac:dyDescent="0.25">
      <c r="A58" s="201" t="s">
        <v>149</v>
      </c>
      <c r="B58" s="202" t="s">
        <v>128</v>
      </c>
      <c r="C58" s="202"/>
      <c r="D58" s="202"/>
      <c r="E58" s="202"/>
      <c r="F58" s="203"/>
      <c r="G58" s="204"/>
    </row>
    <row r="59" spans="1:7" s="2" customFormat="1" ht="30" customHeight="1" x14ac:dyDescent="0.25">
      <c r="A59" s="201" t="s">
        <v>150</v>
      </c>
      <c r="B59" s="202" t="s">
        <v>130</v>
      </c>
      <c r="C59" s="202"/>
      <c r="D59" s="202"/>
      <c r="E59" s="202"/>
      <c r="F59" s="203"/>
      <c r="G59" s="204"/>
    </row>
    <row r="60" spans="1:7" s="2" customFormat="1" ht="27.75" customHeight="1" x14ac:dyDescent="0.25">
      <c r="A60" s="201" t="s">
        <v>151</v>
      </c>
      <c r="B60" s="202" t="s">
        <v>132</v>
      </c>
      <c r="C60" s="202"/>
      <c r="D60" s="202"/>
      <c r="E60" s="202"/>
      <c r="F60" s="203"/>
      <c r="G60" s="204"/>
    </row>
    <row r="61" spans="1:7" s="2" customFormat="1" ht="27.75" customHeight="1" x14ac:dyDescent="0.25">
      <c r="A61" s="201" t="s">
        <v>152</v>
      </c>
      <c r="B61" s="202" t="s">
        <v>153</v>
      </c>
      <c r="C61" s="202"/>
      <c r="D61" s="202"/>
      <c r="E61" s="202"/>
      <c r="F61" s="203"/>
      <c r="G61" s="204"/>
    </row>
    <row r="62" spans="1:7" s="2" customFormat="1" ht="27.75" customHeight="1" x14ac:dyDescent="0.25">
      <c r="A62" s="201" t="s">
        <v>154</v>
      </c>
      <c r="B62" s="202" t="s">
        <v>136</v>
      </c>
      <c r="C62" s="202"/>
      <c r="D62" s="202"/>
      <c r="E62" s="202"/>
      <c r="F62" s="203"/>
      <c r="G62" s="204"/>
    </row>
    <row r="63" spans="1:7" s="2" customFormat="1" ht="27.75" customHeight="1" x14ac:dyDescent="0.25">
      <c r="A63" s="201" t="s">
        <v>155</v>
      </c>
      <c r="B63" s="202" t="s">
        <v>140</v>
      </c>
      <c r="C63" s="202"/>
      <c r="D63" s="202"/>
      <c r="E63" s="202"/>
      <c r="F63" s="203"/>
      <c r="G63" s="204"/>
    </row>
    <row r="64" spans="1:7" s="2" customFormat="1" ht="27.75" customHeight="1" x14ac:dyDescent="0.25">
      <c r="A64" s="201" t="s">
        <v>156</v>
      </c>
      <c r="B64" s="202" t="s">
        <v>142</v>
      </c>
      <c r="C64" s="202"/>
      <c r="D64" s="202"/>
      <c r="E64" s="202"/>
      <c r="F64" s="203"/>
      <c r="G64" s="204"/>
    </row>
    <row r="65" spans="1:7" s="2" customFormat="1" ht="30" customHeight="1" x14ac:dyDescent="0.25">
      <c r="A65" s="201" t="s">
        <v>157</v>
      </c>
      <c r="B65" s="202" t="s">
        <v>144</v>
      </c>
      <c r="C65" s="202"/>
      <c r="D65" s="202"/>
      <c r="E65" s="202"/>
      <c r="F65" s="203"/>
      <c r="G65" s="204"/>
    </row>
    <row r="66" spans="1:7" s="2" customFormat="1" ht="27.75" customHeight="1" x14ac:dyDescent="0.25">
      <c r="A66" s="201" t="s">
        <v>158</v>
      </c>
      <c r="B66" s="202" t="s">
        <v>146</v>
      </c>
      <c r="C66" s="202"/>
      <c r="D66" s="202"/>
      <c r="E66" s="202"/>
      <c r="F66" s="203"/>
      <c r="G66" s="204"/>
    </row>
    <row r="67" spans="1:7" s="2" customFormat="1" ht="27.75" customHeight="1" x14ac:dyDescent="0.25">
      <c r="A67" s="201" t="s">
        <v>159</v>
      </c>
      <c r="B67" s="205" t="s">
        <v>160</v>
      </c>
      <c r="C67" s="206"/>
      <c r="D67" s="206"/>
      <c r="E67" s="206"/>
      <c r="F67" s="206"/>
      <c r="G67" s="207"/>
    </row>
    <row r="68" spans="1:7" s="2" customFormat="1" ht="27.75" customHeight="1" x14ac:dyDescent="0.25">
      <c r="A68" s="201" t="s">
        <v>161</v>
      </c>
      <c r="B68" s="202" t="s">
        <v>77</v>
      </c>
      <c r="C68" s="202"/>
      <c r="D68" s="202"/>
      <c r="E68" s="202"/>
      <c r="F68" s="203"/>
      <c r="G68" s="204"/>
    </row>
    <row r="69" spans="1:7" s="2" customFormat="1" ht="27.75" customHeight="1" x14ac:dyDescent="0.25">
      <c r="A69" s="201" t="s">
        <v>162</v>
      </c>
      <c r="B69" s="202" t="s">
        <v>163</v>
      </c>
      <c r="C69" s="202"/>
      <c r="D69" s="202"/>
      <c r="E69" s="202"/>
      <c r="F69" s="203"/>
      <c r="G69" s="204"/>
    </row>
    <row r="70" spans="1:7" s="2" customFormat="1" ht="27.75" customHeight="1" x14ac:dyDescent="0.25">
      <c r="A70" s="201" t="s">
        <v>164</v>
      </c>
      <c r="B70" s="202" t="s">
        <v>165</v>
      </c>
      <c r="C70" s="202"/>
      <c r="D70" s="202"/>
      <c r="E70" s="202"/>
      <c r="F70" s="203"/>
      <c r="G70" s="204"/>
    </row>
    <row r="71" spans="1:7" s="2" customFormat="1" ht="30" customHeight="1" x14ac:dyDescent="0.25">
      <c r="A71" s="201" t="s">
        <v>166</v>
      </c>
      <c r="B71" s="202" t="s">
        <v>167</v>
      </c>
      <c r="C71" s="202"/>
      <c r="D71" s="202"/>
      <c r="E71" s="202"/>
      <c r="F71" s="203"/>
      <c r="G71" s="204"/>
    </row>
    <row r="72" spans="1:7" s="2" customFormat="1" ht="30" customHeight="1" x14ac:dyDescent="0.25">
      <c r="A72" s="201" t="s">
        <v>168</v>
      </c>
      <c r="B72" s="202" t="s">
        <v>169</v>
      </c>
      <c r="C72" s="202"/>
      <c r="D72" s="202"/>
      <c r="E72" s="202"/>
      <c r="F72" s="203"/>
      <c r="G72" s="204"/>
    </row>
    <row r="73" spans="1:7" s="2" customFormat="1" ht="27.75" customHeight="1" x14ac:dyDescent="0.25">
      <c r="A73" s="201" t="s">
        <v>170</v>
      </c>
      <c r="B73" s="205" t="s">
        <v>171</v>
      </c>
      <c r="C73" s="206"/>
      <c r="D73" s="206"/>
      <c r="E73" s="206"/>
      <c r="F73" s="206"/>
      <c r="G73" s="207"/>
    </row>
    <row r="74" spans="1:7" s="2" customFormat="1" ht="27.75" customHeight="1" x14ac:dyDescent="0.25">
      <c r="A74" s="201" t="s">
        <v>172</v>
      </c>
      <c r="B74" s="202" t="s">
        <v>77</v>
      </c>
      <c r="C74" s="202"/>
      <c r="D74" s="202"/>
      <c r="E74" s="202"/>
      <c r="F74" s="203"/>
      <c r="G74" s="204"/>
    </row>
    <row r="75" spans="1:7" s="2" customFormat="1" ht="27.75" customHeight="1" x14ac:dyDescent="0.25">
      <c r="A75" s="201" t="s">
        <v>173</v>
      </c>
      <c r="B75" s="202" t="s">
        <v>174</v>
      </c>
      <c r="C75" s="202"/>
      <c r="D75" s="202"/>
      <c r="E75" s="202"/>
      <c r="F75" s="203"/>
      <c r="G75" s="204"/>
    </row>
    <row r="76" spans="1:7" s="2" customFormat="1" ht="27.75" customHeight="1" x14ac:dyDescent="0.25">
      <c r="A76" s="201" t="s">
        <v>175</v>
      </c>
      <c r="B76" s="202" t="s">
        <v>176</v>
      </c>
      <c r="C76" s="202"/>
      <c r="D76" s="202"/>
      <c r="E76" s="202"/>
      <c r="F76" s="203"/>
      <c r="G76" s="204"/>
    </row>
    <row r="77" spans="1:7" s="2" customFormat="1" ht="27.75" customHeight="1" x14ac:dyDescent="0.25">
      <c r="A77" s="201" t="s">
        <v>177</v>
      </c>
      <c r="B77" s="202" t="s">
        <v>178</v>
      </c>
      <c r="C77" s="202"/>
      <c r="D77" s="202"/>
      <c r="E77" s="202"/>
      <c r="F77" s="203"/>
      <c r="G77" s="204"/>
    </row>
    <row r="78" spans="1:7" s="2" customFormat="1" ht="27.75" customHeight="1" x14ac:dyDescent="0.25">
      <c r="A78" s="201" t="s">
        <v>179</v>
      </c>
      <c r="B78" s="205" t="s">
        <v>180</v>
      </c>
      <c r="C78" s="206"/>
      <c r="D78" s="206"/>
      <c r="E78" s="206"/>
      <c r="F78" s="206"/>
      <c r="G78" s="207"/>
    </row>
    <row r="79" spans="1:7" s="2" customFormat="1" ht="27.75" customHeight="1" x14ac:dyDescent="0.25">
      <c r="A79" s="201" t="s">
        <v>181</v>
      </c>
      <c r="B79" s="202" t="s">
        <v>77</v>
      </c>
      <c r="C79" s="202"/>
      <c r="D79" s="202"/>
      <c r="E79" s="202"/>
      <c r="F79" s="203"/>
      <c r="G79" s="204"/>
    </row>
    <row r="80" spans="1:7" s="2" customFormat="1" ht="27.75" customHeight="1" x14ac:dyDescent="0.25">
      <c r="A80" s="201" t="s">
        <v>182</v>
      </c>
      <c r="B80" s="202" t="s">
        <v>183</v>
      </c>
      <c r="C80" s="202"/>
      <c r="D80" s="202"/>
      <c r="E80" s="202"/>
      <c r="F80" s="203"/>
      <c r="G80" s="204"/>
    </row>
    <row r="81" spans="1:7" s="2" customFormat="1" ht="27.75" customHeight="1" x14ac:dyDescent="0.25">
      <c r="A81" s="201" t="s">
        <v>184</v>
      </c>
      <c r="B81" s="202" t="s">
        <v>185</v>
      </c>
      <c r="C81" s="202"/>
      <c r="D81" s="202"/>
      <c r="E81" s="202"/>
      <c r="F81" s="203"/>
      <c r="G81" s="204"/>
    </row>
    <row r="82" spans="1:7" s="2" customFormat="1" ht="27.75" customHeight="1" x14ac:dyDescent="0.25">
      <c r="A82" s="201" t="s">
        <v>186</v>
      </c>
      <c r="B82" s="202" t="s">
        <v>187</v>
      </c>
      <c r="C82" s="202"/>
      <c r="D82" s="202"/>
      <c r="E82" s="202"/>
      <c r="F82" s="203"/>
      <c r="G82" s="204"/>
    </row>
    <row r="83" spans="1:7" s="2" customFormat="1" ht="27.75" customHeight="1" x14ac:dyDescent="0.25">
      <c r="A83" s="201" t="s">
        <v>188</v>
      </c>
      <c r="B83" s="205" t="s">
        <v>189</v>
      </c>
      <c r="C83" s="206"/>
      <c r="D83" s="206"/>
      <c r="E83" s="206"/>
      <c r="F83" s="206"/>
      <c r="G83" s="207"/>
    </row>
    <row r="84" spans="1:7" s="2" customFormat="1" ht="27.75" customHeight="1" x14ac:dyDescent="0.25">
      <c r="A84" s="201" t="s">
        <v>190</v>
      </c>
      <c r="B84" s="202" t="s">
        <v>77</v>
      </c>
      <c r="C84" s="202"/>
      <c r="D84" s="202"/>
      <c r="E84" s="202"/>
      <c r="F84" s="203"/>
      <c r="G84" s="204"/>
    </row>
    <row r="85" spans="1:7" s="2" customFormat="1" ht="27.75" customHeight="1" x14ac:dyDescent="0.25">
      <c r="A85" s="201" t="s">
        <v>191</v>
      </c>
      <c r="B85" s="202" t="s">
        <v>183</v>
      </c>
      <c r="C85" s="202"/>
      <c r="D85" s="202"/>
      <c r="E85" s="202"/>
      <c r="F85" s="203"/>
      <c r="G85" s="204"/>
    </row>
    <row r="86" spans="1:7" s="2" customFormat="1" ht="27.75" customHeight="1" x14ac:dyDescent="0.25">
      <c r="A86" s="201" t="s">
        <v>192</v>
      </c>
      <c r="B86" s="202" t="s">
        <v>193</v>
      </c>
      <c r="C86" s="202"/>
      <c r="D86" s="202"/>
      <c r="E86" s="202"/>
      <c r="F86" s="203"/>
      <c r="G86" s="204"/>
    </row>
    <row r="87" spans="1:7" s="2" customFormat="1" ht="27.75" customHeight="1" x14ac:dyDescent="0.25">
      <c r="A87" s="201" t="s">
        <v>194</v>
      </c>
      <c r="B87" s="202" t="s">
        <v>195</v>
      </c>
      <c r="C87" s="202"/>
      <c r="D87" s="202"/>
      <c r="E87" s="202"/>
      <c r="F87" s="203"/>
      <c r="G87" s="204"/>
    </row>
    <row r="88" spans="1:7" s="2" customFormat="1" ht="27.75" customHeight="1" x14ac:dyDescent="0.25">
      <c r="A88" s="201" t="s">
        <v>196</v>
      </c>
      <c r="B88" s="205" t="s">
        <v>197</v>
      </c>
      <c r="C88" s="206"/>
      <c r="D88" s="206"/>
      <c r="E88" s="206"/>
      <c r="F88" s="206"/>
      <c r="G88" s="207"/>
    </row>
    <row r="89" spans="1:7" s="2" customFormat="1" ht="27.75" customHeight="1" x14ac:dyDescent="0.25">
      <c r="A89" s="201" t="s">
        <v>198</v>
      </c>
      <c r="B89" s="202" t="s">
        <v>77</v>
      </c>
      <c r="C89" s="202"/>
      <c r="D89" s="202"/>
      <c r="E89" s="202"/>
      <c r="F89" s="203"/>
      <c r="G89" s="204"/>
    </row>
    <row r="90" spans="1:7" s="2" customFormat="1" ht="27.75" customHeight="1" x14ac:dyDescent="0.25">
      <c r="A90" s="201" t="s">
        <v>199</v>
      </c>
      <c r="B90" s="202" t="s">
        <v>183</v>
      </c>
      <c r="C90" s="202"/>
      <c r="D90" s="202"/>
      <c r="E90" s="202"/>
      <c r="F90" s="203"/>
      <c r="G90" s="204"/>
    </row>
    <row r="91" spans="1:7" s="2" customFormat="1" ht="27.75" customHeight="1" x14ac:dyDescent="0.25">
      <c r="A91" s="201" t="s">
        <v>200</v>
      </c>
      <c r="B91" s="202" t="s">
        <v>185</v>
      </c>
      <c r="C91" s="202"/>
      <c r="D91" s="202"/>
      <c r="E91" s="202"/>
      <c r="F91" s="203"/>
      <c r="G91" s="204"/>
    </row>
    <row r="92" spans="1:7" s="2" customFormat="1" ht="27.75" customHeight="1" x14ac:dyDescent="0.25">
      <c r="A92" s="201" t="s">
        <v>201</v>
      </c>
      <c r="B92" s="202" t="s">
        <v>202</v>
      </c>
      <c r="C92" s="202"/>
      <c r="D92" s="202"/>
      <c r="E92" s="202"/>
      <c r="F92" s="203"/>
      <c r="G92" s="204"/>
    </row>
    <row r="93" spans="1:7" s="2" customFormat="1" ht="27.75" customHeight="1" x14ac:dyDescent="0.25">
      <c r="A93" s="201" t="s">
        <v>203</v>
      </c>
      <c r="B93" s="205" t="s">
        <v>204</v>
      </c>
      <c r="C93" s="206"/>
      <c r="D93" s="206"/>
      <c r="E93" s="206"/>
      <c r="F93" s="206"/>
      <c r="G93" s="207"/>
    </row>
    <row r="94" spans="1:7" s="2" customFormat="1" ht="27.75" customHeight="1" x14ac:dyDescent="0.25">
      <c r="A94" s="201" t="s">
        <v>205</v>
      </c>
      <c r="B94" s="202" t="s">
        <v>77</v>
      </c>
      <c r="C94" s="202"/>
      <c r="D94" s="202"/>
      <c r="E94" s="202"/>
      <c r="F94" s="203"/>
      <c r="G94" s="204"/>
    </row>
    <row r="95" spans="1:7" s="2" customFormat="1" ht="27.75" customHeight="1" x14ac:dyDescent="0.25">
      <c r="A95" s="201" t="s">
        <v>206</v>
      </c>
      <c r="B95" s="202" t="s">
        <v>207</v>
      </c>
      <c r="C95" s="202"/>
      <c r="D95" s="202"/>
      <c r="E95" s="202"/>
      <c r="F95" s="203"/>
      <c r="G95" s="204"/>
    </row>
    <row r="96" spans="1:7" s="2" customFormat="1" ht="27.75" customHeight="1" x14ac:dyDescent="0.25">
      <c r="A96" s="201" t="s">
        <v>208</v>
      </c>
      <c r="B96" s="202" t="s">
        <v>209</v>
      </c>
      <c r="C96" s="202"/>
      <c r="D96" s="202"/>
      <c r="E96" s="202"/>
      <c r="F96" s="203"/>
      <c r="G96" s="204"/>
    </row>
    <row r="97" spans="1:7" s="2" customFormat="1" ht="27.75" customHeight="1" x14ac:dyDescent="0.25">
      <c r="A97" s="201" t="s">
        <v>210</v>
      </c>
      <c r="B97" s="205" t="s">
        <v>211</v>
      </c>
      <c r="C97" s="206"/>
      <c r="D97" s="206"/>
      <c r="E97" s="206"/>
      <c r="F97" s="206"/>
      <c r="G97" s="207"/>
    </row>
    <row r="98" spans="1:7" s="2" customFormat="1" ht="27.75" customHeight="1" x14ac:dyDescent="0.25">
      <c r="A98" s="201" t="s">
        <v>212</v>
      </c>
      <c r="B98" s="202" t="s">
        <v>77</v>
      </c>
      <c r="C98" s="202"/>
      <c r="D98" s="202"/>
      <c r="E98" s="202"/>
      <c r="F98" s="203"/>
      <c r="G98" s="204"/>
    </row>
    <row r="99" spans="1:7" s="2" customFormat="1" ht="27.75" customHeight="1" x14ac:dyDescent="0.25">
      <c r="A99" s="201" t="s">
        <v>213</v>
      </c>
      <c r="B99" s="202" t="s">
        <v>214</v>
      </c>
      <c r="C99" s="202"/>
      <c r="D99" s="202"/>
      <c r="E99" s="202"/>
      <c r="F99" s="203"/>
      <c r="G99" s="204"/>
    </row>
    <row r="100" spans="1:7" s="2" customFormat="1" ht="27.75" customHeight="1" x14ac:dyDescent="0.25">
      <c r="A100" s="201" t="s">
        <v>215</v>
      </c>
      <c r="B100" s="202" t="s">
        <v>216</v>
      </c>
      <c r="C100" s="202"/>
      <c r="D100" s="202"/>
      <c r="E100" s="202"/>
      <c r="F100" s="203"/>
      <c r="G100" s="204"/>
    </row>
    <row r="101" spans="1:7" s="2" customFormat="1" ht="27.75" customHeight="1" x14ac:dyDescent="0.25">
      <c r="A101" s="201" t="s">
        <v>217</v>
      </c>
      <c r="B101" s="205" t="s">
        <v>218</v>
      </c>
      <c r="C101" s="206"/>
      <c r="D101" s="206"/>
      <c r="E101" s="206"/>
      <c r="F101" s="206"/>
      <c r="G101" s="207"/>
    </row>
    <row r="102" spans="1:7" s="2" customFormat="1" ht="27.75" customHeight="1" x14ac:dyDescent="0.25">
      <c r="A102" s="201" t="s">
        <v>219</v>
      </c>
      <c r="B102" s="202" t="s">
        <v>77</v>
      </c>
      <c r="C102" s="202"/>
      <c r="D102" s="202"/>
      <c r="E102" s="202"/>
      <c r="F102" s="203"/>
      <c r="G102" s="204"/>
    </row>
    <row r="103" spans="1:7" s="2" customFormat="1" ht="27.75" customHeight="1" x14ac:dyDescent="0.25">
      <c r="A103" s="201" t="s">
        <v>220</v>
      </c>
      <c r="B103" s="202" t="s">
        <v>221</v>
      </c>
      <c r="C103" s="202"/>
      <c r="D103" s="202"/>
      <c r="E103" s="202"/>
      <c r="F103" s="203"/>
      <c r="G103" s="204"/>
    </row>
    <row r="104" spans="1:7" s="2" customFormat="1" ht="27.75" customHeight="1" x14ac:dyDescent="0.25">
      <c r="A104" s="201" t="s">
        <v>222</v>
      </c>
      <c r="B104" s="202" t="s">
        <v>223</v>
      </c>
      <c r="C104" s="202"/>
      <c r="D104" s="202"/>
      <c r="E104" s="202"/>
      <c r="F104" s="203"/>
      <c r="G104" s="204"/>
    </row>
    <row r="105" spans="1:7" s="2" customFormat="1" ht="27.75" customHeight="1" x14ac:dyDescent="0.25">
      <c r="A105" s="201" t="s">
        <v>224</v>
      </c>
      <c r="B105" s="205" t="s">
        <v>225</v>
      </c>
      <c r="C105" s="206"/>
      <c r="D105" s="206"/>
      <c r="E105" s="206"/>
      <c r="F105" s="206"/>
      <c r="G105" s="207"/>
    </row>
    <row r="106" spans="1:7" s="2" customFormat="1" ht="27.75" customHeight="1" x14ac:dyDescent="0.25">
      <c r="A106" s="201" t="s">
        <v>226</v>
      </c>
      <c r="B106" s="202" t="s">
        <v>77</v>
      </c>
      <c r="C106" s="202"/>
      <c r="D106" s="202"/>
      <c r="E106" s="202"/>
      <c r="F106" s="203"/>
      <c r="G106" s="204"/>
    </row>
    <row r="107" spans="1:7" s="2" customFormat="1" ht="27.75" customHeight="1" x14ac:dyDescent="0.25">
      <c r="A107" s="201" t="s">
        <v>227</v>
      </c>
      <c r="B107" s="202" t="s">
        <v>228</v>
      </c>
      <c r="C107" s="202"/>
      <c r="D107" s="202"/>
      <c r="E107" s="202"/>
      <c r="F107" s="203"/>
      <c r="G107" s="204"/>
    </row>
    <row r="108" spans="1:7" s="2" customFormat="1" ht="27.75" customHeight="1" x14ac:dyDescent="0.25">
      <c r="A108" s="201" t="s">
        <v>229</v>
      </c>
      <c r="B108" s="202" t="s">
        <v>223</v>
      </c>
      <c r="C108" s="202"/>
      <c r="D108" s="202"/>
      <c r="E108" s="202"/>
      <c r="F108" s="203"/>
      <c r="G108" s="204"/>
    </row>
    <row r="109" spans="1:7" s="2" customFormat="1" ht="27.75" customHeight="1" x14ac:dyDescent="0.25">
      <c r="A109" s="201" t="s">
        <v>230</v>
      </c>
      <c r="B109" s="205" t="s">
        <v>231</v>
      </c>
      <c r="C109" s="206"/>
      <c r="D109" s="206"/>
      <c r="E109" s="206"/>
      <c r="F109" s="206"/>
      <c r="G109" s="207"/>
    </row>
    <row r="110" spans="1:7" s="2" customFormat="1" ht="27.75" customHeight="1" x14ac:dyDescent="0.25">
      <c r="A110" s="201" t="s">
        <v>232</v>
      </c>
      <c r="B110" s="202" t="s">
        <v>77</v>
      </c>
      <c r="C110" s="202"/>
      <c r="D110" s="202"/>
      <c r="E110" s="202"/>
      <c r="F110" s="203"/>
      <c r="G110" s="204"/>
    </row>
    <row r="111" spans="1:7" s="2" customFormat="1" ht="30" customHeight="1" x14ac:dyDescent="0.25">
      <c r="A111" s="201" t="s">
        <v>233</v>
      </c>
      <c r="B111" s="202" t="s">
        <v>234</v>
      </c>
      <c r="C111" s="202"/>
      <c r="D111" s="202"/>
      <c r="E111" s="202"/>
      <c r="F111" s="203"/>
      <c r="G111" s="204"/>
    </row>
    <row r="112" spans="1:7" s="2" customFormat="1" ht="27.75" customHeight="1" x14ac:dyDescent="0.25">
      <c r="A112" s="201" t="s">
        <v>235</v>
      </c>
      <c r="B112" s="202" t="s">
        <v>236</v>
      </c>
      <c r="C112" s="202"/>
      <c r="D112" s="202"/>
      <c r="E112" s="202"/>
      <c r="F112" s="203"/>
      <c r="G112" s="204"/>
    </row>
    <row r="113" spans="1:7" s="2" customFormat="1" ht="27.75" customHeight="1" x14ac:dyDescent="0.25">
      <c r="A113" s="201" t="s">
        <v>237</v>
      </c>
      <c r="B113" s="202" t="s">
        <v>238</v>
      </c>
      <c r="C113" s="202"/>
      <c r="D113" s="202"/>
      <c r="E113" s="202"/>
      <c r="F113" s="203"/>
      <c r="G113" s="204"/>
    </row>
    <row r="114" spans="1:7" s="2" customFormat="1" ht="27.75" customHeight="1" x14ac:dyDescent="0.25">
      <c r="A114" s="201" t="s">
        <v>239</v>
      </c>
      <c r="B114" s="205" t="s">
        <v>240</v>
      </c>
      <c r="C114" s="206"/>
      <c r="D114" s="206"/>
      <c r="E114" s="206"/>
      <c r="F114" s="206"/>
      <c r="G114" s="207"/>
    </row>
    <row r="115" spans="1:7" s="2" customFormat="1" ht="27.75" customHeight="1" x14ac:dyDescent="0.25">
      <c r="A115" s="201" t="s">
        <v>241</v>
      </c>
      <c r="B115" s="202" t="s">
        <v>77</v>
      </c>
      <c r="C115" s="202"/>
      <c r="D115" s="202"/>
      <c r="E115" s="202"/>
      <c r="F115" s="203"/>
      <c r="G115" s="204"/>
    </row>
    <row r="116" spans="1:7" s="2" customFormat="1" ht="27.75" customHeight="1" x14ac:dyDescent="0.25">
      <c r="A116" s="201" t="s">
        <v>242</v>
      </c>
      <c r="B116" s="202" t="s">
        <v>243</v>
      </c>
      <c r="C116" s="202"/>
      <c r="D116" s="202"/>
      <c r="E116" s="202"/>
      <c r="F116" s="203"/>
      <c r="G116" s="204"/>
    </row>
    <row r="117" spans="1:7" s="2" customFormat="1" ht="27.75" customHeight="1" x14ac:dyDescent="0.25">
      <c r="A117" s="201" t="s">
        <v>244</v>
      </c>
      <c r="B117" s="202" t="s">
        <v>245</v>
      </c>
      <c r="C117" s="202"/>
      <c r="D117" s="202"/>
      <c r="E117" s="202"/>
      <c r="F117" s="203"/>
      <c r="G117" s="204"/>
    </row>
    <row r="118" spans="1:7" s="2" customFormat="1" ht="27.75" customHeight="1" x14ac:dyDescent="0.25">
      <c r="A118" s="201" t="s">
        <v>246</v>
      </c>
      <c r="B118" s="205" t="s">
        <v>247</v>
      </c>
      <c r="C118" s="206"/>
      <c r="D118" s="206"/>
      <c r="E118" s="206"/>
      <c r="F118" s="206"/>
      <c r="G118" s="207"/>
    </row>
    <row r="119" spans="1:7" s="2" customFormat="1" ht="27.75" customHeight="1" x14ac:dyDescent="0.25">
      <c r="A119" s="201" t="s">
        <v>248</v>
      </c>
      <c r="B119" s="202" t="s">
        <v>77</v>
      </c>
      <c r="C119" s="202"/>
      <c r="D119" s="202"/>
      <c r="E119" s="202"/>
      <c r="F119" s="203"/>
      <c r="G119" s="204"/>
    </row>
    <row r="120" spans="1:7" s="2" customFormat="1" ht="27.75" customHeight="1" x14ac:dyDescent="0.25">
      <c r="A120" s="201" t="s">
        <v>249</v>
      </c>
      <c r="B120" s="202" t="s">
        <v>250</v>
      </c>
      <c r="C120" s="202"/>
      <c r="D120" s="202"/>
      <c r="E120" s="202"/>
      <c r="F120" s="203"/>
      <c r="G120" s="204"/>
    </row>
    <row r="121" spans="1:7" s="2" customFormat="1" ht="27.75" customHeight="1" x14ac:dyDescent="0.25">
      <c r="A121" s="201" t="s">
        <v>251</v>
      </c>
      <c r="B121" s="202" t="s">
        <v>252</v>
      </c>
      <c r="C121" s="202"/>
      <c r="D121" s="202"/>
      <c r="E121" s="202"/>
      <c r="F121" s="203"/>
      <c r="G121" s="204"/>
    </row>
    <row r="122" spans="1:7" s="2" customFormat="1" ht="27.75" customHeight="1" x14ac:dyDescent="0.25">
      <c r="A122" s="201" t="s">
        <v>253</v>
      </c>
      <c r="B122" s="205" t="s">
        <v>254</v>
      </c>
      <c r="C122" s="206"/>
      <c r="D122" s="206"/>
      <c r="E122" s="206"/>
      <c r="F122" s="206"/>
      <c r="G122" s="207"/>
    </row>
    <row r="123" spans="1:7" s="2" customFormat="1" ht="27.75" customHeight="1" x14ac:dyDescent="0.25">
      <c r="A123" s="201" t="s">
        <v>255</v>
      </c>
      <c r="B123" s="202" t="s">
        <v>77</v>
      </c>
      <c r="C123" s="202"/>
      <c r="D123" s="202"/>
      <c r="E123" s="202"/>
      <c r="F123" s="203"/>
      <c r="G123" s="204"/>
    </row>
    <row r="124" spans="1:7" s="2" customFormat="1" ht="30" customHeight="1" x14ac:dyDescent="0.25">
      <c r="A124" s="201" t="s">
        <v>256</v>
      </c>
      <c r="B124" s="202" t="s">
        <v>257</v>
      </c>
      <c r="C124" s="202"/>
      <c r="D124" s="202"/>
      <c r="E124" s="202"/>
      <c r="F124" s="203"/>
      <c r="G124" s="204"/>
    </row>
    <row r="125" spans="1:7" s="2" customFormat="1" ht="30" customHeight="1" x14ac:dyDescent="0.25">
      <c r="A125" s="201" t="s">
        <v>258</v>
      </c>
      <c r="B125" s="202" t="s">
        <v>259</v>
      </c>
      <c r="C125" s="202"/>
      <c r="D125" s="202"/>
      <c r="E125" s="202"/>
      <c r="F125" s="203"/>
      <c r="G125" s="204"/>
    </row>
    <row r="126" spans="1:7" s="2" customFormat="1" ht="27.75" customHeight="1" x14ac:dyDescent="0.25">
      <c r="A126" s="201" t="s">
        <v>260</v>
      </c>
      <c r="B126" s="202" t="s">
        <v>261</v>
      </c>
      <c r="C126" s="202"/>
      <c r="D126" s="202"/>
      <c r="E126" s="202"/>
      <c r="F126" s="203"/>
      <c r="G126" s="204"/>
    </row>
    <row r="127" spans="1:7" s="2" customFormat="1" ht="27.75" customHeight="1" x14ac:dyDescent="0.25">
      <c r="A127" s="201" t="s">
        <v>262</v>
      </c>
      <c r="B127" s="202" t="s">
        <v>263</v>
      </c>
      <c r="C127" s="202"/>
      <c r="D127" s="202"/>
      <c r="E127" s="202"/>
      <c r="F127" s="203"/>
      <c r="G127" s="204"/>
    </row>
    <row r="128" spans="1:7" s="2" customFormat="1" ht="27.75" customHeight="1" x14ac:dyDescent="0.25">
      <c r="A128" s="201" t="s">
        <v>264</v>
      </c>
      <c r="B128" s="202" t="s">
        <v>265</v>
      </c>
      <c r="C128" s="202"/>
      <c r="D128" s="202"/>
      <c r="E128" s="202"/>
      <c r="F128" s="203"/>
      <c r="G128" s="204"/>
    </row>
    <row r="129" spans="1:7" s="2" customFormat="1" ht="27.75" customHeight="1" x14ac:dyDescent="0.25">
      <c r="A129" s="201" t="s">
        <v>266</v>
      </c>
      <c r="B129" s="202" t="s">
        <v>267</v>
      </c>
      <c r="C129" s="202"/>
      <c r="D129" s="202"/>
      <c r="E129" s="202"/>
      <c r="F129" s="203"/>
      <c r="G129" s="204"/>
    </row>
    <row r="130" spans="1:7" s="2" customFormat="1" ht="30" customHeight="1" x14ac:dyDescent="0.25">
      <c r="A130" s="201" t="s">
        <v>268</v>
      </c>
      <c r="B130" s="202" t="s">
        <v>269</v>
      </c>
      <c r="C130" s="202"/>
      <c r="D130" s="202"/>
      <c r="E130" s="202"/>
      <c r="F130" s="203"/>
      <c r="G130" s="204"/>
    </row>
    <row r="131" spans="1:7" s="2" customFormat="1" ht="27.75" customHeight="1" x14ac:dyDescent="0.25">
      <c r="A131" s="201" t="s">
        <v>270</v>
      </c>
      <c r="B131" s="202" t="s">
        <v>271</v>
      </c>
      <c r="C131" s="202"/>
      <c r="D131" s="202"/>
      <c r="E131" s="202"/>
      <c r="F131" s="203"/>
      <c r="G131" s="204"/>
    </row>
    <row r="132" spans="1:7" s="2" customFormat="1" ht="27.75" customHeight="1" x14ac:dyDescent="0.25">
      <c r="A132" s="201" t="s">
        <v>272</v>
      </c>
      <c r="B132" s="202" t="s">
        <v>273</v>
      </c>
      <c r="C132" s="202"/>
      <c r="D132" s="202"/>
      <c r="E132" s="202"/>
      <c r="F132" s="203"/>
      <c r="G132" s="204"/>
    </row>
    <row r="133" spans="1:7" s="2" customFormat="1" ht="30" customHeight="1" x14ac:dyDescent="0.25">
      <c r="A133" s="201" t="s">
        <v>274</v>
      </c>
      <c r="B133" s="202" t="s">
        <v>275</v>
      </c>
      <c r="C133" s="202"/>
      <c r="D133" s="202"/>
      <c r="E133" s="202"/>
      <c r="F133" s="203"/>
      <c r="G133" s="204"/>
    </row>
    <row r="134" spans="1:7" s="2" customFormat="1" ht="30" customHeight="1" x14ac:dyDescent="0.25">
      <c r="A134" s="201" t="s">
        <v>276</v>
      </c>
      <c r="B134" s="202" t="s">
        <v>277</v>
      </c>
      <c r="C134" s="202"/>
      <c r="D134" s="202"/>
      <c r="E134" s="202"/>
      <c r="F134" s="203"/>
      <c r="G134" s="204"/>
    </row>
    <row r="135" spans="1:7" s="2" customFormat="1" ht="27.75" customHeight="1" x14ac:dyDescent="0.25">
      <c r="A135" s="201" t="s">
        <v>278</v>
      </c>
      <c r="B135" s="205" t="s">
        <v>279</v>
      </c>
      <c r="C135" s="206"/>
      <c r="D135" s="206"/>
      <c r="E135" s="206"/>
      <c r="F135" s="206"/>
      <c r="G135" s="207"/>
    </row>
    <row r="136" spans="1:7" s="2" customFormat="1" ht="27.75" customHeight="1" x14ac:dyDescent="0.25">
      <c r="A136" s="201" t="s">
        <v>280</v>
      </c>
      <c r="B136" s="202" t="s">
        <v>77</v>
      </c>
      <c r="C136" s="202"/>
      <c r="D136" s="202"/>
      <c r="E136" s="202"/>
      <c r="F136" s="203"/>
      <c r="G136" s="204"/>
    </row>
    <row r="137" spans="1:7" s="2" customFormat="1" ht="30" customHeight="1" x14ac:dyDescent="0.25">
      <c r="A137" s="201" t="s">
        <v>281</v>
      </c>
      <c r="B137" s="202" t="s">
        <v>282</v>
      </c>
      <c r="C137" s="202"/>
      <c r="D137" s="202"/>
      <c r="E137" s="202"/>
      <c r="F137" s="203"/>
      <c r="G137" s="204"/>
    </row>
    <row r="138" spans="1:7" s="2" customFormat="1" ht="30" customHeight="1" x14ac:dyDescent="0.25">
      <c r="A138" s="201" t="s">
        <v>283</v>
      </c>
      <c r="B138" s="202" t="s">
        <v>259</v>
      </c>
      <c r="C138" s="202"/>
      <c r="D138" s="202"/>
      <c r="E138" s="202"/>
      <c r="F138" s="203"/>
      <c r="G138" s="204"/>
    </row>
    <row r="139" spans="1:7" s="2" customFormat="1" ht="27.75" customHeight="1" x14ac:dyDescent="0.25">
      <c r="A139" s="201" t="s">
        <v>284</v>
      </c>
      <c r="B139" s="202" t="s">
        <v>261</v>
      </c>
      <c r="C139" s="202"/>
      <c r="D139" s="202"/>
      <c r="E139" s="202"/>
      <c r="F139" s="203"/>
      <c r="G139" s="204"/>
    </row>
    <row r="140" spans="1:7" s="2" customFormat="1" ht="27.75" customHeight="1" x14ac:dyDescent="0.25">
      <c r="A140" s="201" t="s">
        <v>285</v>
      </c>
      <c r="B140" s="202" t="s">
        <v>263</v>
      </c>
      <c r="C140" s="202"/>
      <c r="D140" s="202"/>
      <c r="E140" s="202"/>
      <c r="F140" s="203"/>
      <c r="G140" s="204"/>
    </row>
    <row r="141" spans="1:7" s="2" customFormat="1" ht="27.75" customHeight="1" x14ac:dyDescent="0.25">
      <c r="A141" s="201" t="s">
        <v>286</v>
      </c>
      <c r="B141" s="202" t="s">
        <v>265</v>
      </c>
      <c r="C141" s="202"/>
      <c r="D141" s="202"/>
      <c r="E141" s="202"/>
      <c r="F141" s="203"/>
      <c r="G141" s="204"/>
    </row>
    <row r="142" spans="1:7" s="2" customFormat="1" ht="27.75" customHeight="1" x14ac:dyDescent="0.25">
      <c r="A142" s="201" t="s">
        <v>287</v>
      </c>
      <c r="B142" s="202" t="s">
        <v>267</v>
      </c>
      <c r="C142" s="202"/>
      <c r="D142" s="202"/>
      <c r="E142" s="202"/>
      <c r="F142" s="203"/>
      <c r="G142" s="204"/>
    </row>
    <row r="143" spans="1:7" s="2" customFormat="1" ht="30" customHeight="1" x14ac:dyDescent="0.25">
      <c r="A143" s="201" t="s">
        <v>288</v>
      </c>
      <c r="B143" s="202" t="s">
        <v>269</v>
      </c>
      <c r="C143" s="202"/>
      <c r="D143" s="202"/>
      <c r="E143" s="202"/>
      <c r="F143" s="203"/>
      <c r="G143" s="204"/>
    </row>
    <row r="144" spans="1:7" s="2" customFormat="1" ht="27.75" customHeight="1" x14ac:dyDescent="0.25">
      <c r="A144" s="201" t="s">
        <v>289</v>
      </c>
      <c r="B144" s="202" t="s">
        <v>290</v>
      </c>
      <c r="C144" s="202"/>
      <c r="D144" s="202"/>
      <c r="E144" s="202"/>
      <c r="F144" s="203"/>
      <c r="G144" s="204"/>
    </row>
    <row r="145" spans="1:7" s="2" customFormat="1" ht="30" customHeight="1" x14ac:dyDescent="0.25">
      <c r="A145" s="201" t="s">
        <v>291</v>
      </c>
      <c r="B145" s="202" t="s">
        <v>275</v>
      </c>
      <c r="C145" s="202"/>
      <c r="D145" s="202"/>
      <c r="E145" s="202"/>
      <c r="F145" s="203"/>
      <c r="G145" s="204"/>
    </row>
    <row r="146" spans="1:7" s="2" customFormat="1" ht="27.75" customHeight="1" x14ac:dyDescent="0.25">
      <c r="A146" s="201" t="s">
        <v>292</v>
      </c>
      <c r="B146" s="205" t="s">
        <v>293</v>
      </c>
      <c r="C146" s="206"/>
      <c r="D146" s="206"/>
      <c r="E146" s="206"/>
      <c r="F146" s="206"/>
      <c r="G146" s="207"/>
    </row>
    <row r="147" spans="1:7" s="2" customFormat="1" ht="27.75" customHeight="1" x14ac:dyDescent="0.25">
      <c r="A147" s="201" t="s">
        <v>294</v>
      </c>
      <c r="B147" s="202" t="s">
        <v>77</v>
      </c>
      <c r="C147" s="202"/>
      <c r="D147" s="202"/>
      <c r="E147" s="202"/>
      <c r="F147" s="203"/>
      <c r="G147" s="204"/>
    </row>
    <row r="148" spans="1:7" s="2" customFormat="1" ht="30" customHeight="1" x14ac:dyDescent="0.25">
      <c r="A148" s="201" t="s">
        <v>295</v>
      </c>
      <c r="B148" s="202" t="s">
        <v>296</v>
      </c>
      <c r="C148" s="202"/>
      <c r="D148" s="202"/>
      <c r="E148" s="202"/>
      <c r="F148" s="203"/>
      <c r="G148" s="204"/>
    </row>
    <row r="149" spans="1:7" s="2" customFormat="1" ht="30" customHeight="1" x14ac:dyDescent="0.25">
      <c r="A149" s="201" t="s">
        <v>297</v>
      </c>
      <c r="B149" s="202" t="s">
        <v>298</v>
      </c>
      <c r="C149" s="202"/>
      <c r="D149" s="202"/>
      <c r="E149" s="202"/>
      <c r="F149" s="203"/>
      <c r="G149" s="204"/>
    </row>
    <row r="150" spans="1:7" s="2" customFormat="1" ht="27.75" customHeight="1" x14ac:dyDescent="0.25">
      <c r="A150" s="201" t="s">
        <v>299</v>
      </c>
      <c r="B150" s="202" t="s">
        <v>300</v>
      </c>
      <c r="C150" s="202"/>
      <c r="D150" s="202"/>
      <c r="E150" s="202"/>
      <c r="F150" s="203"/>
      <c r="G150" s="204"/>
    </row>
    <row r="151" spans="1:7" s="2" customFormat="1" ht="27.75" customHeight="1" x14ac:dyDescent="0.25">
      <c r="A151" s="201" t="s">
        <v>301</v>
      </c>
      <c r="B151" s="202" t="s">
        <v>302</v>
      </c>
      <c r="C151" s="202"/>
      <c r="D151" s="202"/>
      <c r="E151" s="202"/>
      <c r="F151" s="203"/>
      <c r="G151" s="204"/>
    </row>
    <row r="152" spans="1:7" s="2" customFormat="1" ht="30" customHeight="1" x14ac:dyDescent="0.25">
      <c r="A152" s="201" t="s">
        <v>303</v>
      </c>
      <c r="B152" s="202" t="s">
        <v>304</v>
      </c>
      <c r="C152" s="202"/>
      <c r="D152" s="202"/>
      <c r="E152" s="202"/>
      <c r="F152" s="203"/>
      <c r="G152" s="204"/>
    </row>
    <row r="153" spans="1:7" s="2" customFormat="1" ht="30" customHeight="1" x14ac:dyDescent="0.25">
      <c r="A153" s="201" t="s">
        <v>305</v>
      </c>
      <c r="B153" s="202" t="s">
        <v>306</v>
      </c>
      <c r="C153" s="202"/>
      <c r="D153" s="202"/>
      <c r="E153" s="202"/>
      <c r="F153" s="203"/>
      <c r="G153" s="204"/>
    </row>
    <row r="154" spans="1:7" s="2" customFormat="1" ht="27.75" customHeight="1" x14ac:dyDescent="0.25">
      <c r="A154" s="201" t="s">
        <v>307</v>
      </c>
      <c r="B154" s="202" t="s">
        <v>308</v>
      </c>
      <c r="C154" s="202"/>
      <c r="D154" s="202"/>
      <c r="E154" s="202"/>
      <c r="F154" s="203"/>
      <c r="G154" s="204"/>
    </row>
    <row r="155" spans="1:7" s="2" customFormat="1" ht="30" customHeight="1" x14ac:dyDescent="0.25">
      <c r="A155" s="201" t="s">
        <v>309</v>
      </c>
      <c r="B155" s="202" t="s">
        <v>310</v>
      </c>
      <c r="C155" s="202"/>
      <c r="D155" s="202"/>
      <c r="E155" s="202"/>
      <c r="F155" s="203"/>
      <c r="G155" s="204"/>
    </row>
    <row r="156" spans="1:7" s="2" customFormat="1" ht="30" customHeight="1" x14ac:dyDescent="0.25">
      <c r="A156" s="201" t="s">
        <v>311</v>
      </c>
      <c r="B156" s="202" t="s">
        <v>269</v>
      </c>
      <c r="C156" s="202"/>
      <c r="D156" s="202"/>
      <c r="E156" s="202"/>
      <c r="F156" s="203"/>
      <c r="G156" s="204"/>
    </row>
    <row r="157" spans="1:7" s="2" customFormat="1" ht="27.75" customHeight="1" x14ac:dyDescent="0.25">
      <c r="A157" s="201" t="s">
        <v>312</v>
      </c>
      <c r="B157" s="202" t="s">
        <v>313</v>
      </c>
      <c r="C157" s="202"/>
      <c r="D157" s="202"/>
      <c r="E157" s="202"/>
      <c r="F157" s="203"/>
      <c r="G157" s="204"/>
    </row>
    <row r="158" spans="1:7" s="2" customFormat="1" ht="30" customHeight="1" x14ac:dyDescent="0.25">
      <c r="A158" s="201" t="s">
        <v>314</v>
      </c>
      <c r="B158" s="202" t="s">
        <v>275</v>
      </c>
      <c r="C158" s="202"/>
      <c r="D158" s="202"/>
      <c r="E158" s="202"/>
      <c r="F158" s="203"/>
      <c r="G158" s="204"/>
    </row>
    <row r="159" spans="1:7" s="2" customFormat="1" ht="30" customHeight="1" x14ac:dyDescent="0.25">
      <c r="A159" s="201" t="s">
        <v>315</v>
      </c>
      <c r="B159" s="202" t="s">
        <v>316</v>
      </c>
      <c r="C159" s="202"/>
      <c r="D159" s="202"/>
      <c r="E159" s="202"/>
      <c r="F159" s="203"/>
      <c r="G159" s="204"/>
    </row>
    <row r="160" spans="1:7" s="2" customFormat="1" ht="27.75" customHeight="1" x14ac:dyDescent="0.25">
      <c r="A160" s="201" t="s">
        <v>317</v>
      </c>
      <c r="B160" s="205" t="s">
        <v>318</v>
      </c>
      <c r="C160" s="206"/>
      <c r="D160" s="206"/>
      <c r="E160" s="206"/>
      <c r="F160" s="206"/>
      <c r="G160" s="207"/>
    </row>
    <row r="161" spans="1:8" s="2" customFormat="1" ht="27.75" customHeight="1" x14ac:dyDescent="0.25">
      <c r="A161" s="201" t="s">
        <v>319</v>
      </c>
      <c r="B161" s="202" t="s">
        <v>320</v>
      </c>
      <c r="C161" s="202"/>
      <c r="D161" s="202"/>
      <c r="E161" s="202"/>
      <c r="F161" s="203"/>
      <c r="G161" s="204"/>
    </row>
    <row r="162" spans="1:8" s="2" customFormat="1" ht="27.75" customHeight="1" x14ac:dyDescent="0.25">
      <c r="A162" s="201" t="s">
        <v>321</v>
      </c>
      <c r="B162" s="202" t="s">
        <v>322</v>
      </c>
      <c r="C162" s="202"/>
      <c r="D162" s="202"/>
      <c r="E162" s="202"/>
      <c r="F162" s="203"/>
      <c r="G162" s="204"/>
    </row>
    <row r="163" spans="1:8" s="2" customFormat="1" ht="27.75" customHeight="1" x14ac:dyDescent="0.25">
      <c r="A163" s="201" t="s">
        <v>323</v>
      </c>
      <c r="B163" s="202" t="s">
        <v>324</v>
      </c>
      <c r="C163" s="202"/>
      <c r="D163" s="202"/>
      <c r="E163" s="202"/>
      <c r="F163" s="203"/>
      <c r="G163" s="204"/>
    </row>
    <row r="164" spans="1:8" s="2" customFormat="1" ht="27.75" customHeight="1" x14ac:dyDescent="0.25">
      <c r="A164" s="201" t="s">
        <v>6</v>
      </c>
      <c r="B164" s="202" t="s">
        <v>325</v>
      </c>
      <c r="C164" s="202"/>
      <c r="D164" s="202"/>
      <c r="E164" s="202"/>
      <c r="F164" s="203"/>
      <c r="G164" s="204"/>
    </row>
    <row r="165" spans="1:8" s="2" customFormat="1" ht="27.75" customHeight="1" x14ac:dyDescent="0.25">
      <c r="A165" s="201" t="s">
        <v>7</v>
      </c>
      <c r="B165" s="202" t="s">
        <v>326</v>
      </c>
      <c r="C165" s="202"/>
      <c r="D165" s="202"/>
      <c r="E165" s="202"/>
      <c r="F165" s="203"/>
      <c r="G165" s="204"/>
    </row>
    <row r="166" spans="1:8" s="2" customFormat="1" ht="30" customHeight="1" x14ac:dyDescent="0.25">
      <c r="A166" s="201" t="s">
        <v>8</v>
      </c>
      <c r="B166" s="202" t="s">
        <v>327</v>
      </c>
      <c r="C166" s="202"/>
      <c r="D166" s="202"/>
      <c r="E166" s="202"/>
      <c r="F166" s="203"/>
      <c r="G166" s="204"/>
    </row>
    <row r="167" spans="1:8" s="2" customFormat="1" ht="30" customHeight="1" x14ac:dyDescent="0.25">
      <c r="A167" s="201" t="s">
        <v>10</v>
      </c>
      <c r="B167" s="202" t="s">
        <v>328</v>
      </c>
      <c r="C167" s="202"/>
      <c r="D167" s="202"/>
      <c r="E167" s="202"/>
      <c r="F167" s="203"/>
      <c r="G167" s="204"/>
    </row>
    <row r="168" spans="1:8" s="2" customFormat="1" ht="27.75" customHeight="1" x14ac:dyDescent="0.25">
      <c r="A168" s="201" t="s">
        <v>11</v>
      </c>
      <c r="B168" s="202" t="s">
        <v>329</v>
      </c>
      <c r="C168" s="202"/>
      <c r="D168" s="202"/>
      <c r="E168" s="202"/>
      <c r="F168" s="203"/>
      <c r="G168" s="204"/>
    </row>
    <row r="169" spans="1:8" s="2" customFormat="1" ht="27.75" customHeight="1" thickBot="1" x14ac:dyDescent="0.3">
      <c r="A169" s="209" t="s">
        <v>12</v>
      </c>
      <c r="B169" s="210" t="s">
        <v>330</v>
      </c>
      <c r="C169" s="210"/>
      <c r="D169" s="210"/>
      <c r="E169" s="210"/>
      <c r="F169" s="211"/>
      <c r="G169" s="212"/>
    </row>
    <row r="170" spans="1:8" s="72" customFormat="1" ht="30" customHeight="1" x14ac:dyDescent="0.25">
      <c r="A170" s="144" t="s">
        <v>42</v>
      </c>
      <c r="B170" s="144"/>
      <c r="C170" s="144"/>
      <c r="D170" s="144"/>
      <c r="E170" s="144"/>
      <c r="F170" s="144"/>
      <c r="G170" s="144"/>
    </row>
    <row r="171" spans="1:8" ht="27.75" customHeight="1" x14ac:dyDescent="0.25">
      <c r="A171" s="142" t="s">
        <v>43</v>
      </c>
      <c r="B171" s="142"/>
      <c r="C171" s="142"/>
      <c r="D171" s="142"/>
      <c r="E171" s="145"/>
      <c r="F171" s="145"/>
    </row>
    <row r="172" spans="1:8" ht="30" customHeight="1" x14ac:dyDescent="0.25">
      <c r="A172" s="142" t="s">
        <v>44</v>
      </c>
      <c r="B172" s="142"/>
      <c r="C172" s="142"/>
      <c r="D172" s="142"/>
      <c r="E172" s="145"/>
      <c r="F172" s="145"/>
    </row>
    <row r="173" spans="1:8" ht="27.75" customHeight="1" x14ac:dyDescent="0.25">
      <c r="A173" s="142" t="s">
        <v>45</v>
      </c>
      <c r="B173" s="142"/>
      <c r="C173" s="142"/>
      <c r="D173" s="142"/>
      <c r="E173" s="145"/>
      <c r="F173" s="145"/>
    </row>
    <row r="174" spans="1:8" ht="27.75" customHeight="1" x14ac:dyDescent="0.25">
      <c r="A174" s="142" t="s">
        <v>46</v>
      </c>
      <c r="B174" s="142"/>
      <c r="C174" s="142"/>
      <c r="D174" s="142"/>
      <c r="E174" s="145"/>
      <c r="F174" s="145"/>
    </row>
    <row r="175" spans="1:8" s="73" customFormat="1" ht="30" customHeight="1" x14ac:dyDescent="0.25">
      <c r="A175" s="146" t="s">
        <v>47</v>
      </c>
      <c r="B175" s="146"/>
      <c r="C175" s="146"/>
      <c r="D175" s="146"/>
      <c r="E175" s="146"/>
      <c r="F175" s="146"/>
      <c r="G175" s="146"/>
    </row>
    <row r="176" spans="1:8" s="3" customFormat="1" ht="30" customHeight="1" x14ac:dyDescent="0.25">
      <c r="A176" s="142" t="s">
        <v>48</v>
      </c>
      <c r="B176" s="142"/>
      <c r="C176" s="142"/>
      <c r="D176" s="142"/>
      <c r="E176" s="143"/>
      <c r="F176" s="143"/>
      <c r="H176" s="74"/>
    </row>
    <row r="177" spans="1:8" s="3" customFormat="1" ht="27.75" customHeight="1" x14ac:dyDescent="0.25">
      <c r="A177" s="147" t="s">
        <v>49</v>
      </c>
      <c r="B177" s="147"/>
      <c r="C177" s="147"/>
      <c r="D177" s="147"/>
      <c r="E177" s="145"/>
      <c r="F177" s="145"/>
      <c r="H177" s="73"/>
    </row>
    <row r="178" spans="1:8" s="3" customFormat="1" ht="27.75" customHeight="1" x14ac:dyDescent="0.25">
      <c r="A178" s="142" t="s">
        <v>50</v>
      </c>
      <c r="B178" s="142"/>
      <c r="C178" s="142"/>
      <c r="D178" s="142"/>
      <c r="E178" s="145"/>
      <c r="F178" s="145"/>
      <c r="H178" s="73"/>
    </row>
    <row r="179" spans="1:8" s="3" customFormat="1" ht="30" customHeight="1" x14ac:dyDescent="0.25">
      <c r="A179" s="142" t="s">
        <v>51</v>
      </c>
      <c r="B179" s="142"/>
      <c r="C179" s="142"/>
      <c r="D179" s="142"/>
      <c r="E179" s="145"/>
      <c r="F179" s="145"/>
      <c r="H179" s="73"/>
    </row>
    <row r="181" spans="1:8" ht="27.75" customHeight="1" x14ac:dyDescent="0.25">
      <c r="A181" s="1" t="s">
        <v>0</v>
      </c>
      <c r="B181" s="132"/>
      <c r="C181" s="132"/>
      <c r="D181" s="132"/>
    </row>
    <row r="182" spans="1:8" ht="30" customHeight="1" x14ac:dyDescent="0.25">
      <c r="A182" s="1" t="s">
        <v>1</v>
      </c>
      <c r="B182" s="148"/>
      <c r="C182" s="148"/>
      <c r="D182" s="148"/>
      <c r="E182" s="75" t="s">
        <v>52</v>
      </c>
      <c r="G182" s="76"/>
    </row>
    <row r="183" spans="1:8" ht="30" customHeight="1" x14ac:dyDescent="0.25">
      <c r="E183" s="75" t="s">
        <v>53</v>
      </c>
      <c r="F183" s="149"/>
      <c r="G183" s="149"/>
    </row>
    <row r="184" spans="1:8" ht="27.75" customHeight="1" x14ac:dyDescent="0.25">
      <c r="F184" s="75"/>
    </row>
    <row r="185" spans="1:8" ht="30" customHeight="1" x14ac:dyDescent="0.25">
      <c r="F185" s="75"/>
    </row>
    <row r="186" spans="1:8" s="77" customFormat="1" ht="30" customHeight="1" x14ac:dyDescent="0.2">
      <c r="A186" s="150" t="s">
        <v>2</v>
      </c>
      <c r="B186" s="150"/>
      <c r="C186" s="150"/>
      <c r="D186" s="150"/>
      <c r="E186" s="131"/>
    </row>
    <row r="187" spans="1:8" s="79" customFormat="1" ht="27.75" customHeight="1" x14ac:dyDescent="0.2">
      <c r="A187" s="78"/>
      <c r="B187" s="151" t="s">
        <v>4</v>
      </c>
      <c r="C187" s="151"/>
      <c r="D187" s="151"/>
      <c r="G187" s="80"/>
      <c r="H187" s="81"/>
    </row>
  </sheetData>
  <mergeCells count="191">
    <mergeCell ref="B114:G114"/>
    <mergeCell ref="B115:E115"/>
    <mergeCell ref="B116:E116"/>
    <mergeCell ref="B131:E131"/>
    <mergeCell ref="B135:G135"/>
    <mergeCell ref="B99:E99"/>
    <mergeCell ref="B100:E100"/>
    <mergeCell ref="B101:G101"/>
    <mergeCell ref="B104:E104"/>
    <mergeCell ref="B105:G105"/>
    <mergeCell ref="B94:E94"/>
    <mergeCell ref="B95:E95"/>
    <mergeCell ref="B96:E96"/>
    <mergeCell ref="B97:G97"/>
    <mergeCell ref="B98:E98"/>
    <mergeCell ref="B82:E82"/>
    <mergeCell ref="B83:G83"/>
    <mergeCell ref="B87:E87"/>
    <mergeCell ref="B88:G88"/>
    <mergeCell ref="B92:E92"/>
    <mergeCell ref="B77:E77"/>
    <mergeCell ref="B78:G78"/>
    <mergeCell ref="B79:E79"/>
    <mergeCell ref="B80:E80"/>
    <mergeCell ref="B81:E81"/>
    <mergeCell ref="B72:E72"/>
    <mergeCell ref="B73:G73"/>
    <mergeCell ref="B74:E74"/>
    <mergeCell ref="B75:E75"/>
    <mergeCell ref="B76:E76"/>
    <mergeCell ref="B167:E167"/>
    <mergeCell ref="B168:E168"/>
    <mergeCell ref="B169:E169"/>
    <mergeCell ref="B9:E9"/>
    <mergeCell ref="B10:G10"/>
    <mergeCell ref="B17:E17"/>
    <mergeCell ref="B18:G18"/>
    <mergeCell ref="B21:E21"/>
    <mergeCell ref="B22:G22"/>
    <mergeCell ref="B33:E33"/>
    <mergeCell ref="B34:G34"/>
    <mergeCell ref="B45:E45"/>
    <mergeCell ref="B46:G46"/>
    <mergeCell ref="B56:E56"/>
    <mergeCell ref="B57:G57"/>
    <mergeCell ref="B162:E162"/>
    <mergeCell ref="B163:E163"/>
    <mergeCell ref="B164:E164"/>
    <mergeCell ref="B165:E165"/>
    <mergeCell ref="B166:E166"/>
    <mergeCell ref="B157:E157"/>
    <mergeCell ref="B158:E158"/>
    <mergeCell ref="B159:E159"/>
    <mergeCell ref="B160:G160"/>
    <mergeCell ref="B161:E161"/>
    <mergeCell ref="B152:E152"/>
    <mergeCell ref="B153:E153"/>
    <mergeCell ref="B154:E154"/>
    <mergeCell ref="B155:E155"/>
    <mergeCell ref="B156:E156"/>
    <mergeCell ref="B147:E147"/>
    <mergeCell ref="B148:E148"/>
    <mergeCell ref="B149:E149"/>
    <mergeCell ref="B150:E150"/>
    <mergeCell ref="B151:E151"/>
    <mergeCell ref="B122:G122"/>
    <mergeCell ref="B141:E141"/>
    <mergeCell ref="B142:E142"/>
    <mergeCell ref="B143:E143"/>
    <mergeCell ref="B144:E144"/>
    <mergeCell ref="B145:E145"/>
    <mergeCell ref="B146:G146"/>
    <mergeCell ref="B117:E117"/>
    <mergeCell ref="B118:G118"/>
    <mergeCell ref="B119:E119"/>
    <mergeCell ref="B111:E111"/>
    <mergeCell ref="B112:E112"/>
    <mergeCell ref="B113:E113"/>
    <mergeCell ref="B106:E106"/>
    <mergeCell ref="B107:E107"/>
    <mergeCell ref="B110:E110"/>
    <mergeCell ref="B108:E108"/>
    <mergeCell ref="B109:G109"/>
    <mergeCell ref="B102:E102"/>
    <mergeCell ref="B103:E103"/>
    <mergeCell ref="B89:E89"/>
    <mergeCell ref="B90:E90"/>
    <mergeCell ref="B91:E91"/>
    <mergeCell ref="B93:G93"/>
    <mergeCell ref="B84:E84"/>
    <mergeCell ref="B85:E85"/>
    <mergeCell ref="B86:E86"/>
    <mergeCell ref="B71:E71"/>
    <mergeCell ref="B60:E60"/>
    <mergeCell ref="B61:E61"/>
    <mergeCell ref="B62:E62"/>
    <mergeCell ref="B63:E63"/>
    <mergeCell ref="B64:E64"/>
    <mergeCell ref="B65:E65"/>
    <mergeCell ref="B66:E66"/>
    <mergeCell ref="B67:G67"/>
    <mergeCell ref="B68:E68"/>
    <mergeCell ref="B69:E69"/>
    <mergeCell ref="B70:E70"/>
    <mergeCell ref="B52:E52"/>
    <mergeCell ref="B53:E53"/>
    <mergeCell ref="B54:E54"/>
    <mergeCell ref="B55:E55"/>
    <mergeCell ref="B47:E47"/>
    <mergeCell ref="B48:E48"/>
    <mergeCell ref="B49:E49"/>
    <mergeCell ref="B50:E50"/>
    <mergeCell ref="B51:E51"/>
    <mergeCell ref="B42:E42"/>
    <mergeCell ref="B43:E43"/>
    <mergeCell ref="B44:E44"/>
    <mergeCell ref="B37:E37"/>
    <mergeCell ref="B38:E38"/>
    <mergeCell ref="B39:E39"/>
    <mergeCell ref="B40:E40"/>
    <mergeCell ref="B41:E41"/>
    <mergeCell ref="B32:E32"/>
    <mergeCell ref="B35:E35"/>
    <mergeCell ref="B36:E36"/>
    <mergeCell ref="B27:E27"/>
    <mergeCell ref="B28:E28"/>
    <mergeCell ref="B29:E29"/>
    <mergeCell ref="B30:E30"/>
    <mergeCell ref="B31:E31"/>
    <mergeCell ref="B23:E23"/>
    <mergeCell ref="B24:E24"/>
    <mergeCell ref="B25:E25"/>
    <mergeCell ref="B26:E26"/>
    <mergeCell ref="B19:E19"/>
    <mergeCell ref="B20:E20"/>
    <mergeCell ref="B12:E12"/>
    <mergeCell ref="B13:E13"/>
    <mergeCell ref="B14:E14"/>
    <mergeCell ref="B15:E15"/>
    <mergeCell ref="B16:E16"/>
    <mergeCell ref="B181:D181"/>
    <mergeCell ref="B182:D182"/>
    <mergeCell ref="F183:G183"/>
    <mergeCell ref="A186:D186"/>
    <mergeCell ref="B187:D187"/>
    <mergeCell ref="A177:D177"/>
    <mergeCell ref="E177:F177"/>
    <mergeCell ref="A178:D178"/>
    <mergeCell ref="E178:F178"/>
    <mergeCell ref="A179:D179"/>
    <mergeCell ref="E179:F179"/>
    <mergeCell ref="A176:D176"/>
    <mergeCell ref="E176:F176"/>
    <mergeCell ref="A170:G170"/>
    <mergeCell ref="A171:D171"/>
    <mergeCell ref="E171:F171"/>
    <mergeCell ref="A172:D172"/>
    <mergeCell ref="E172:F172"/>
    <mergeCell ref="A173:D173"/>
    <mergeCell ref="E173:F173"/>
    <mergeCell ref="A174:D174"/>
    <mergeCell ref="E174:F174"/>
    <mergeCell ref="A175:G175"/>
    <mergeCell ref="B140:E140"/>
    <mergeCell ref="B129:E129"/>
    <mergeCell ref="B130:E130"/>
    <mergeCell ref="B132:E132"/>
    <mergeCell ref="B133:E133"/>
    <mergeCell ref="B134:E134"/>
    <mergeCell ref="B136:E136"/>
    <mergeCell ref="B137:E137"/>
    <mergeCell ref="B138:E138"/>
    <mergeCell ref="B139:E139"/>
    <mergeCell ref="B128:E128"/>
    <mergeCell ref="A8:G8"/>
    <mergeCell ref="B58:E58"/>
    <mergeCell ref="B59:E59"/>
    <mergeCell ref="B120:E120"/>
    <mergeCell ref="B121:E121"/>
    <mergeCell ref="B123:E123"/>
    <mergeCell ref="B124:E124"/>
    <mergeCell ref="B125:E125"/>
    <mergeCell ref="B126:E126"/>
    <mergeCell ref="B127:E127"/>
    <mergeCell ref="B11:E11"/>
    <mergeCell ref="A1:D1"/>
    <mergeCell ref="A2:G2"/>
    <mergeCell ref="A3:F3"/>
    <mergeCell ref="A4:G4"/>
    <mergeCell ref="A6:E7"/>
    <mergeCell ref="F6:G6"/>
  </mergeCells>
  <conditionalFormatting sqref="E171:F174">
    <cfRule type="containsBlanks" dxfId="14" priority="9">
      <formula>LEN(TRIM(E171))=0</formula>
    </cfRule>
  </conditionalFormatting>
  <conditionalFormatting sqref="E171:F174">
    <cfRule type="containsBlanks" dxfId="13" priority="8">
      <formula>LEN(TRIM(E171))=0</formula>
    </cfRule>
  </conditionalFormatting>
  <conditionalFormatting sqref="B181:D182">
    <cfRule type="containsBlanks" dxfId="12" priority="7">
      <formula>LEN(TRIM(B181))=0</formula>
    </cfRule>
  </conditionalFormatting>
  <conditionalFormatting sqref="E176:F176">
    <cfRule type="containsBlanks" dxfId="11" priority="6">
      <formula>LEN(TRIM(E176))=0</formula>
    </cfRule>
  </conditionalFormatting>
  <conditionalFormatting sqref="E177:F179">
    <cfRule type="containsBlanks" dxfId="10" priority="5">
      <formula>LEN(TRIM(E177))=0</formula>
    </cfRule>
  </conditionalFormatting>
  <conditionalFormatting sqref="E176:F179">
    <cfRule type="containsBlanks" dxfId="9" priority="4">
      <formula>LEN(TRIM(E176))=0</formula>
    </cfRule>
  </conditionalFormatting>
  <conditionalFormatting sqref="A187">
    <cfRule type="containsBlanks" dxfId="8" priority="3">
      <formula>LEN(TRIM(A187))=0</formula>
    </cfRule>
  </conditionalFormatting>
  <conditionalFormatting sqref="F183:G183">
    <cfRule type="containsBlanks" dxfId="7" priority="1">
      <formula>LEN(TRIM(F183))=0</formula>
    </cfRule>
  </conditionalFormatting>
  <conditionalFormatting sqref="F183:G183">
    <cfRule type="containsBlanks" dxfId="6" priority="2">
      <formula>LEN(TRIM(F18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  <rowBreaks count="1" manualBreakCount="1">
    <brk id="147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68" customWidth="1"/>
    <col min="2" max="3" width="25.7109375" style="68" customWidth="1"/>
    <col min="4" max="7" width="12.7109375" style="68" customWidth="1"/>
    <col min="8" max="8" width="8.7109375" style="68" customWidth="1"/>
    <col min="9" max="9" width="12.7109375" style="68" customWidth="1"/>
    <col min="10" max="10" width="10.5703125" style="68" customWidth="1"/>
    <col min="11" max="11" width="12.7109375" style="68" customWidth="1"/>
    <col min="12" max="12" width="17.5703125" style="68" customWidth="1"/>
    <col min="13" max="71" width="9.140625" style="69"/>
    <col min="72" max="16384" width="9.140625" style="68"/>
  </cols>
  <sheetData>
    <row r="1" spans="1:71" s="44" customFormat="1" ht="15" customHeight="1" x14ac:dyDescent="0.25">
      <c r="A1" s="178" t="s">
        <v>3</v>
      </c>
      <c r="B1" s="178"/>
      <c r="C1" s="96"/>
      <c r="D1" s="96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179" t="s">
        <v>331</v>
      </c>
      <c r="B2" s="179"/>
      <c r="C2" s="179"/>
      <c r="D2" s="179"/>
      <c r="E2" s="179"/>
      <c r="F2" s="179"/>
      <c r="G2" s="179"/>
      <c r="H2" s="179"/>
      <c r="I2" s="179"/>
      <c r="J2" s="179"/>
      <c r="K2" s="179"/>
      <c r="L2" s="179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48" customFormat="1" ht="30" customHeight="1" x14ac:dyDescent="0.25">
      <c r="A3" s="180" t="s">
        <v>23</v>
      </c>
      <c r="B3" s="180"/>
      <c r="C3" s="180"/>
      <c r="D3" s="180"/>
      <c r="E3" s="180"/>
      <c r="F3" s="180"/>
      <c r="G3" s="180"/>
      <c r="H3" s="180"/>
      <c r="I3" s="180"/>
      <c r="J3" s="180"/>
      <c r="K3" s="180"/>
      <c r="L3" s="44"/>
      <c r="M3" s="47"/>
      <c r="N3" s="47"/>
      <c r="O3" s="47"/>
      <c r="P3" s="47"/>
      <c r="Q3" s="47"/>
      <c r="R3" s="47"/>
      <c r="S3" s="47"/>
      <c r="T3" s="47"/>
      <c r="U3" s="47"/>
      <c r="V3" s="47"/>
      <c r="W3" s="47"/>
      <c r="X3" s="47"/>
      <c r="Y3" s="47"/>
      <c r="Z3" s="47"/>
      <c r="AA3" s="47"/>
      <c r="AB3" s="47"/>
      <c r="AC3" s="47"/>
      <c r="AD3" s="47"/>
      <c r="AE3" s="47"/>
      <c r="AF3" s="47"/>
      <c r="AG3" s="47"/>
      <c r="AH3" s="47"/>
      <c r="AI3" s="47"/>
      <c r="AJ3" s="47"/>
      <c r="AK3" s="47"/>
      <c r="AL3" s="47"/>
      <c r="AM3" s="47"/>
      <c r="AN3" s="47"/>
      <c r="AO3" s="47"/>
      <c r="AP3" s="47"/>
      <c r="AQ3" s="47"/>
      <c r="AR3" s="47"/>
      <c r="AS3" s="47"/>
      <c r="AT3" s="47"/>
      <c r="AU3" s="47"/>
      <c r="AV3" s="47"/>
      <c r="AW3" s="47"/>
      <c r="AX3" s="47"/>
      <c r="AY3" s="47"/>
      <c r="AZ3" s="47"/>
      <c r="BA3" s="47"/>
      <c r="BB3" s="47"/>
      <c r="BC3" s="47"/>
      <c r="BD3" s="47"/>
      <c r="BE3" s="47"/>
      <c r="BF3" s="47"/>
      <c r="BG3" s="47"/>
      <c r="BH3" s="47"/>
      <c r="BI3" s="47"/>
      <c r="BJ3" s="47"/>
      <c r="BK3" s="47"/>
      <c r="BL3" s="47"/>
      <c r="BM3" s="47"/>
      <c r="BN3" s="47"/>
      <c r="BO3" s="47"/>
      <c r="BP3" s="47"/>
      <c r="BQ3" s="47"/>
      <c r="BR3" s="47"/>
      <c r="BS3" s="47"/>
    </row>
    <row r="4" spans="1:71" s="49" customFormat="1" ht="30" customHeight="1" thickBot="1" x14ac:dyDescent="0.3">
      <c r="A4" s="181" t="s">
        <v>74</v>
      </c>
      <c r="B4" s="181"/>
      <c r="C4" s="181"/>
      <c r="D4" s="181"/>
      <c r="E4" s="181"/>
      <c r="F4" s="181"/>
      <c r="G4" s="181"/>
      <c r="H4" s="181"/>
      <c r="I4" s="181"/>
      <c r="J4" s="181"/>
      <c r="K4" s="181"/>
    </row>
    <row r="5" spans="1:71" s="50" customFormat="1" ht="15" customHeight="1" x14ac:dyDescent="0.25">
      <c r="A5" s="165" t="s">
        <v>24</v>
      </c>
      <c r="B5" s="167" t="s">
        <v>25</v>
      </c>
      <c r="C5" s="169" t="s">
        <v>26</v>
      </c>
      <c r="D5" s="171" t="s">
        <v>27</v>
      </c>
      <c r="E5" s="173" t="s">
        <v>28</v>
      </c>
      <c r="F5" s="175" t="s">
        <v>29</v>
      </c>
      <c r="G5" s="182" t="s">
        <v>30</v>
      </c>
      <c r="H5" s="184" t="s">
        <v>31</v>
      </c>
      <c r="I5" s="186" t="s">
        <v>32</v>
      </c>
      <c r="J5" s="187"/>
      <c r="K5" s="187"/>
      <c r="L5" s="156" t="s">
        <v>72</v>
      </c>
    </row>
    <row r="6" spans="1:71" s="50" customFormat="1" ht="65.099999999999994" customHeight="1" x14ac:dyDescent="0.25">
      <c r="A6" s="166"/>
      <c r="B6" s="168"/>
      <c r="C6" s="170"/>
      <c r="D6" s="172"/>
      <c r="E6" s="174"/>
      <c r="F6" s="176"/>
      <c r="G6" s="183"/>
      <c r="H6" s="185"/>
      <c r="I6" s="82" t="s">
        <v>33</v>
      </c>
      <c r="J6" s="51" t="s">
        <v>34</v>
      </c>
      <c r="K6" s="98" t="s">
        <v>35</v>
      </c>
      <c r="L6" s="157"/>
    </row>
    <row r="7" spans="1:71" s="55" customFormat="1" ht="12" customHeight="1" x14ac:dyDescent="0.25">
      <c r="A7" s="83" t="s">
        <v>5</v>
      </c>
      <c r="B7" s="84" t="s">
        <v>6</v>
      </c>
      <c r="C7" s="84" t="s">
        <v>7</v>
      </c>
      <c r="D7" s="53" t="s">
        <v>8</v>
      </c>
      <c r="E7" s="85" t="s">
        <v>10</v>
      </c>
      <c r="F7" s="53" t="s">
        <v>11</v>
      </c>
      <c r="G7" s="85" t="s">
        <v>12</v>
      </c>
      <c r="H7" s="52" t="s">
        <v>13</v>
      </c>
      <c r="I7" s="53" t="s">
        <v>14</v>
      </c>
      <c r="J7" s="54" t="s">
        <v>36</v>
      </c>
      <c r="K7" s="99" t="s">
        <v>37</v>
      </c>
      <c r="L7" s="100" t="s">
        <v>71</v>
      </c>
    </row>
    <row r="8" spans="1:71" s="55" customFormat="1" ht="23.1" customHeight="1" x14ac:dyDescent="0.25">
      <c r="A8" s="102"/>
      <c r="B8" s="103"/>
      <c r="C8" s="104"/>
      <c r="D8" s="105"/>
      <c r="E8" s="106"/>
      <c r="F8" s="107"/>
      <c r="G8" s="108"/>
      <c r="H8" s="109"/>
      <c r="I8" s="86"/>
      <c r="J8" s="110"/>
      <c r="K8" s="111"/>
      <c r="L8" s="158" t="s">
        <v>332</v>
      </c>
    </row>
    <row r="9" spans="1:71" s="55" customFormat="1" ht="23.1" customHeight="1" x14ac:dyDescent="0.25">
      <c r="A9" s="56"/>
      <c r="B9" s="57"/>
      <c r="C9" s="58"/>
      <c r="D9" s="59"/>
      <c r="E9" s="60"/>
      <c r="F9" s="61"/>
      <c r="G9" s="62"/>
      <c r="H9" s="63"/>
      <c r="I9" s="97"/>
      <c r="J9" s="87"/>
      <c r="K9" s="101"/>
      <c r="L9" s="159"/>
    </row>
    <row r="10" spans="1:71" s="55" customFormat="1" ht="23.1" customHeight="1" thickBot="1" x14ac:dyDescent="0.3">
      <c r="A10" s="112"/>
      <c r="B10" s="113"/>
      <c r="C10" s="114"/>
      <c r="D10" s="115"/>
      <c r="E10" s="116"/>
      <c r="F10" s="117"/>
      <c r="G10" s="118"/>
      <c r="H10" s="119"/>
      <c r="I10" s="120"/>
      <c r="J10" s="121"/>
      <c r="K10" s="122"/>
      <c r="L10" s="160"/>
    </row>
    <row r="11" spans="1:71" s="55" customFormat="1" ht="12" customHeight="1" x14ac:dyDescent="0.25">
      <c r="A11" s="64"/>
      <c r="B11" s="65"/>
      <c r="C11" s="65"/>
      <c r="D11" s="64"/>
      <c r="E11" s="64"/>
      <c r="F11" s="64"/>
      <c r="G11" s="64"/>
      <c r="H11" s="64"/>
      <c r="I11" s="66"/>
      <c r="J11" s="67"/>
      <c r="K11" s="66"/>
    </row>
    <row r="12" spans="1:71" s="55" customFormat="1" ht="24.95" customHeight="1" x14ac:dyDescent="0.25">
      <c r="A12" s="164" t="s">
        <v>73</v>
      </c>
      <c r="B12" s="164"/>
      <c r="C12" s="164"/>
      <c r="D12" s="164"/>
      <c r="E12" s="164"/>
      <c r="F12" s="164"/>
      <c r="G12" s="164"/>
      <c r="H12" s="164"/>
      <c r="I12" s="164"/>
      <c r="J12" s="164"/>
      <c r="K12" s="164"/>
      <c r="L12" s="123"/>
    </row>
    <row r="13" spans="1:71" s="55" customFormat="1" ht="22.5" customHeight="1" x14ac:dyDescent="0.25">
      <c r="A13" s="177"/>
      <c r="B13" s="177"/>
      <c r="C13" s="177"/>
      <c r="D13" s="177"/>
      <c r="E13" s="177"/>
      <c r="F13" s="177"/>
      <c r="G13" s="177"/>
      <c r="H13" s="124"/>
      <c r="I13" s="124"/>
      <c r="J13" s="124"/>
      <c r="K13" s="124"/>
      <c r="L13" s="123"/>
    </row>
    <row r="14" spans="1:71" s="55" customFormat="1" ht="18" customHeight="1" x14ac:dyDescent="0.2">
      <c r="A14" s="152" t="s">
        <v>43</v>
      </c>
      <c r="B14" s="152"/>
      <c r="C14" s="152"/>
      <c r="D14" s="152"/>
      <c r="E14" s="153"/>
      <c r="F14" s="153"/>
      <c r="G14" s="46"/>
      <c r="H14" s="124"/>
      <c r="I14" s="124"/>
      <c r="J14" s="124"/>
      <c r="K14" s="124"/>
      <c r="L14" s="123"/>
    </row>
    <row r="15" spans="1:71" s="55" customFormat="1" ht="18.75" customHeight="1" x14ac:dyDescent="0.2">
      <c r="A15" s="152" t="s">
        <v>44</v>
      </c>
      <c r="B15" s="152"/>
      <c r="C15" s="152"/>
      <c r="D15" s="152"/>
      <c r="E15" s="153"/>
      <c r="F15" s="153"/>
      <c r="G15" s="46"/>
      <c r="H15" s="124"/>
      <c r="I15" s="124"/>
      <c r="J15" s="124"/>
      <c r="K15" s="124"/>
      <c r="L15" s="123"/>
    </row>
    <row r="16" spans="1:71" s="55" customFormat="1" ht="18" customHeight="1" x14ac:dyDescent="0.2">
      <c r="A16" s="152" t="s">
        <v>45</v>
      </c>
      <c r="B16" s="152"/>
      <c r="C16" s="152"/>
      <c r="D16" s="152"/>
      <c r="E16" s="153"/>
      <c r="F16" s="153"/>
      <c r="G16" s="46"/>
      <c r="H16" s="124"/>
      <c r="I16" s="124"/>
      <c r="J16" s="124"/>
      <c r="K16" s="124"/>
      <c r="L16" s="123"/>
    </row>
    <row r="17" spans="1:12" s="55" customFormat="1" ht="18" customHeight="1" x14ac:dyDescent="0.2">
      <c r="A17" s="152" t="s">
        <v>46</v>
      </c>
      <c r="B17" s="152"/>
      <c r="C17" s="152"/>
      <c r="D17" s="152"/>
      <c r="E17" s="153"/>
      <c r="F17" s="153"/>
      <c r="G17" s="46"/>
      <c r="H17" s="124"/>
      <c r="I17" s="124"/>
      <c r="J17" s="124"/>
      <c r="K17" s="124"/>
      <c r="L17" s="123"/>
    </row>
    <row r="18" spans="1:12" x14ac:dyDescent="0.25">
      <c r="A18" s="125"/>
      <c r="B18" s="125"/>
      <c r="C18" s="125"/>
      <c r="D18" s="125"/>
      <c r="E18" s="125"/>
      <c r="F18" s="125"/>
      <c r="G18" s="125"/>
      <c r="H18" s="125"/>
      <c r="I18" s="125"/>
      <c r="J18" s="125"/>
      <c r="K18" s="125"/>
    </row>
    <row r="19" spans="1:12" s="6" customFormat="1" ht="15" customHeight="1" x14ac:dyDescent="0.25">
      <c r="A19" s="126" t="s">
        <v>0</v>
      </c>
      <c r="B19" s="161"/>
      <c r="C19" s="161"/>
      <c r="D19" s="126"/>
      <c r="E19" s="126"/>
      <c r="F19" s="126"/>
      <c r="G19" s="126"/>
      <c r="H19" s="126"/>
      <c r="I19" s="126"/>
      <c r="J19" s="126"/>
      <c r="K19" s="126"/>
    </row>
    <row r="20" spans="1:12" s="6" customFormat="1" ht="15" customHeight="1" x14ac:dyDescent="0.25">
      <c r="A20" s="126" t="s">
        <v>1</v>
      </c>
      <c r="B20" s="162"/>
      <c r="C20" s="162"/>
      <c r="D20" s="126"/>
      <c r="E20" s="126"/>
      <c r="F20" s="126"/>
      <c r="G20" s="126"/>
      <c r="H20" s="126"/>
      <c r="I20" s="126"/>
      <c r="J20" s="126"/>
      <c r="K20" s="126"/>
    </row>
    <row r="21" spans="1:12" s="6" customFormat="1" x14ac:dyDescent="0.25">
      <c r="A21" s="126"/>
      <c r="B21" s="126"/>
      <c r="C21" s="126"/>
      <c r="D21" s="126"/>
      <c r="E21" s="126"/>
      <c r="F21" s="126"/>
      <c r="G21" s="127"/>
      <c r="H21" s="128" t="s">
        <v>52</v>
      </c>
      <c r="I21" s="129"/>
      <c r="J21" s="127"/>
      <c r="K21" s="126"/>
    </row>
    <row r="22" spans="1:12" s="6" customFormat="1" ht="15" customHeight="1" x14ac:dyDescent="0.25">
      <c r="A22" s="126"/>
      <c r="B22" s="126"/>
      <c r="C22" s="126"/>
      <c r="D22" s="126"/>
      <c r="E22" s="126"/>
      <c r="F22" s="126"/>
      <c r="G22" s="50"/>
      <c r="H22" s="128" t="s">
        <v>53</v>
      </c>
      <c r="I22" s="163"/>
      <c r="J22" s="163"/>
      <c r="K22" s="126"/>
    </row>
    <row r="23" spans="1:12" s="6" customFormat="1" ht="16.5" customHeight="1" x14ac:dyDescent="0.25">
      <c r="A23" s="126"/>
      <c r="B23" s="126"/>
      <c r="C23" s="126"/>
      <c r="D23" s="126"/>
      <c r="E23" s="126"/>
      <c r="F23" s="126"/>
      <c r="G23" s="130"/>
      <c r="H23" s="130"/>
      <c r="I23" s="126"/>
      <c r="J23" s="126"/>
      <c r="K23" s="126"/>
    </row>
    <row r="24" spans="1:12" s="16" customFormat="1" x14ac:dyDescent="0.25">
      <c r="A24" s="154" t="s">
        <v>2</v>
      </c>
      <c r="B24" s="154"/>
      <c r="E24" s="6"/>
    </row>
    <row r="25" spans="1:12" s="19" customFormat="1" ht="15" customHeight="1" x14ac:dyDescent="0.25">
      <c r="A25" s="17"/>
      <c r="B25" s="155" t="s">
        <v>4</v>
      </c>
      <c r="C25" s="155"/>
      <c r="D25" s="18"/>
      <c r="E25" s="6"/>
    </row>
    <row r="26" spans="1:12" ht="41.25" customHeight="1" x14ac:dyDescent="0.25"/>
  </sheetData>
  <mergeCells count="30">
    <mergeCell ref="L8:L10"/>
    <mergeCell ref="A1:B1"/>
    <mergeCell ref="A2:L2"/>
    <mergeCell ref="A3:K3"/>
    <mergeCell ref="A4:K4"/>
    <mergeCell ref="A5:A6"/>
    <mergeCell ref="B5:B6"/>
    <mergeCell ref="C5:C6"/>
    <mergeCell ref="D5:D6"/>
    <mergeCell ref="E5:E6"/>
    <mergeCell ref="F5:F6"/>
    <mergeCell ref="G5:G6"/>
    <mergeCell ref="H5:H6"/>
    <mergeCell ref="L5:L6"/>
    <mergeCell ref="I5:K5"/>
    <mergeCell ref="A24:B24"/>
    <mergeCell ref="B25:C25"/>
    <mergeCell ref="B19:C19"/>
    <mergeCell ref="B20:C20"/>
    <mergeCell ref="I22:J22"/>
    <mergeCell ref="A12:K12"/>
    <mergeCell ref="A13:G13"/>
    <mergeCell ref="A14:D14"/>
    <mergeCell ref="A17:D17"/>
    <mergeCell ref="E17:F17"/>
    <mergeCell ref="E14:F14"/>
    <mergeCell ref="A15:D15"/>
    <mergeCell ref="E15:F15"/>
    <mergeCell ref="A16:D16"/>
    <mergeCell ref="E16:F16"/>
  </mergeCells>
  <conditionalFormatting sqref="B19:C20">
    <cfRule type="containsBlanks" dxfId="5" priority="4">
      <formula>LEN(TRIM(B19))=0</formula>
    </cfRule>
  </conditionalFormatting>
  <conditionalFormatting sqref="I22:J22">
    <cfRule type="containsBlanks" dxfId="4" priority="3">
      <formula>LEN(TRIM(I22))=0</formula>
    </cfRule>
  </conditionalFormatting>
  <conditionalFormatting sqref="E14:F17">
    <cfRule type="containsBlanks" dxfId="3" priority="2">
      <formula>LEN(TRIM(E14))=0</formula>
    </cfRule>
  </conditionalFormatting>
  <conditionalFormatting sqref="E14:F17">
    <cfRule type="containsBlanks" dxfId="2" priority="1">
      <formula>LEN(TRIM(E14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0" t="s">
        <v>3</v>
      </c>
      <c r="B1" s="195"/>
      <c r="C1" s="7"/>
      <c r="D1" s="7"/>
      <c r="E1" s="7"/>
      <c r="F1" s="7"/>
    </row>
    <row r="2" spans="1:13" ht="15" customHeight="1" x14ac:dyDescent="0.2">
      <c r="A2" s="179" t="s">
        <v>331</v>
      </c>
      <c r="B2" s="179"/>
      <c r="C2" s="179"/>
      <c r="D2" s="179"/>
      <c r="E2" s="179"/>
      <c r="F2" s="179"/>
      <c r="G2" s="179"/>
      <c r="H2" s="179"/>
      <c r="I2" s="179"/>
      <c r="J2" s="179"/>
      <c r="K2" s="179"/>
      <c r="L2" s="179"/>
    </row>
    <row r="3" spans="1:13" ht="24.95" customHeight="1" x14ac:dyDescent="0.2">
      <c r="A3" s="196"/>
      <c r="B3" s="196"/>
      <c r="C3" s="196"/>
      <c r="D3" s="196"/>
      <c r="E3" s="196"/>
      <c r="F3" s="196"/>
    </row>
    <row r="4" spans="1:13" ht="18.75" x14ac:dyDescent="0.3">
      <c r="A4" s="197" t="s">
        <v>54</v>
      </c>
      <c r="B4" s="197"/>
      <c r="C4" s="197"/>
      <c r="D4" s="197"/>
      <c r="E4" s="197"/>
      <c r="F4" s="197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194" t="s">
        <v>55</v>
      </c>
      <c r="B6" s="194"/>
      <c r="C6" s="194"/>
      <c r="D6" s="194"/>
      <c r="E6" s="194"/>
      <c r="F6" s="194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194" t="s">
        <v>56</v>
      </c>
      <c r="C7" s="194"/>
      <c r="D7" s="194"/>
      <c r="E7" s="194"/>
      <c r="F7" s="194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194" t="s">
        <v>15</v>
      </c>
      <c r="C8" s="194"/>
      <c r="D8" s="194"/>
      <c r="E8" s="194"/>
      <c r="F8" s="194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194" t="s">
        <v>16</v>
      </c>
      <c r="C9" s="194"/>
      <c r="D9" s="194"/>
      <c r="E9" s="194"/>
      <c r="F9" s="194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194" t="s">
        <v>17</v>
      </c>
      <c r="C10" s="194"/>
      <c r="D10" s="194"/>
      <c r="E10" s="194"/>
      <c r="F10" s="194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190"/>
      <c r="B11" s="190"/>
      <c r="C11" s="190"/>
      <c r="D11" s="190"/>
      <c r="E11" s="190"/>
      <c r="F11" s="190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91" t="s">
        <v>5</v>
      </c>
      <c r="B13" s="92" t="s">
        <v>6</v>
      </c>
      <c r="C13" s="92" t="s">
        <v>7</v>
      </c>
      <c r="D13" s="92" t="s">
        <v>8</v>
      </c>
      <c r="E13" s="92" t="s">
        <v>10</v>
      </c>
      <c r="F13" s="93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191"/>
      <c r="B20" s="191"/>
      <c r="C20" s="191"/>
      <c r="D20" s="191"/>
      <c r="E20" s="191"/>
      <c r="F20" s="191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193"/>
      <c r="C22" s="193"/>
    </row>
    <row r="23" spans="1:7" s="6" customFormat="1" ht="15" customHeight="1" x14ac:dyDescent="0.25">
      <c r="A23" s="6" t="s">
        <v>1</v>
      </c>
      <c r="B23" s="193"/>
      <c r="C23" s="193"/>
    </row>
    <row r="24" spans="1:7" s="6" customFormat="1" ht="15" x14ac:dyDescent="0.25"/>
    <row r="25" spans="1:7" s="6" customFormat="1" ht="15" customHeight="1" x14ac:dyDescent="0.25">
      <c r="C25" s="88"/>
      <c r="D25" s="89" t="s">
        <v>52</v>
      </c>
      <c r="E25" s="76"/>
      <c r="F25" s="88"/>
    </row>
    <row r="26" spans="1:7" ht="15" customHeight="1" x14ac:dyDescent="0.2">
      <c r="C26" s="90"/>
      <c r="D26" s="89" t="s">
        <v>53</v>
      </c>
      <c r="E26" s="149"/>
      <c r="F26" s="149"/>
    </row>
    <row r="27" spans="1:7" s="13" customFormat="1" x14ac:dyDescent="0.2">
      <c r="A27" s="192" t="s">
        <v>2</v>
      </c>
      <c r="B27" s="192"/>
    </row>
    <row r="28" spans="1:7" s="15" customFormat="1" ht="12" customHeight="1" x14ac:dyDescent="0.2">
      <c r="A28" s="94"/>
      <c r="B28" s="188" t="s">
        <v>4</v>
      </c>
      <c r="C28" s="189"/>
      <c r="D28" s="189"/>
      <c r="E28" s="189"/>
      <c r="F28" s="189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11-15T10:13:19Z</cp:lastPrinted>
  <dcterms:created xsi:type="dcterms:W3CDTF">2014-08-04T05:30:35Z</dcterms:created>
  <dcterms:modified xsi:type="dcterms:W3CDTF">2021-11-15T10:13:46Z</dcterms:modified>
</cp:coreProperties>
</file>